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ELOMY001\Desktop\NG\s7\"/>
    </mc:Choice>
  </mc:AlternateContent>
  <bookViews>
    <workbookView xWindow="240" yWindow="120" windowWidth="18060" windowHeight="7050"/>
  </bookViews>
  <sheets>
    <sheet name="FRA - French Press Report" sheetId="1" r:id="rId1"/>
  </sheets>
  <calcPr calcId="125725"/>
</workbook>
</file>

<file path=xl/sharedStrings.xml><?xml version="1.0" encoding="utf-8"?>
<sst xmlns="http://schemas.openxmlformats.org/spreadsheetml/2006/main" count="1962" uniqueCount="692">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13/02/2021</t>
  </si>
  <si>
    <t>07:00:00:00</t>
  </si>
  <si>
    <t>N0024423</t>
  </si>
  <si>
    <t>Science of Stupid</t>
  </si>
  <si>
    <t>Headstands and Jet Skis</t>
  </si>
  <si>
    <t>00:21</t>
  </si>
  <si>
    <t>United Kingdom</t>
  </si>
  <si>
    <t>Richard Hammond est de retour pour une nouvelle saison de Science of Stupid, la série qui combine science et vidéos spectaculaires des exploits ou des ratés des internautes. Découvrez toutes les manières possibles de se ridiculiser en montant sur des rollers, en utilisant un nunchuck ou en roulant sur des mini motos.</t>
  </si>
  <si>
    <t>07:30:00:00</t>
  </si>
  <si>
    <t>N0024967</t>
  </si>
  <si>
    <t>Comment gagner à tous les coups ?</t>
  </si>
  <si>
    <t>How To Win At Everything</t>
  </si>
  <si>
    <t>How To Win At Everything 1, 14</t>
  </si>
  <si>
    <t>Découvrez les phénomènes scientifiques qui se cachent derrière les choses du quotidien mais aussi derrière nos échecs et surtout, derrière nos réussites. Apprenez quelles techniques peuvent vous faire gagner, suivez les démonstrations et tentez les incroyables astuces qui vous permettront d'avoir la main.</t>
  </si>
  <si>
    <t>07:50:00:00</t>
  </si>
  <si>
    <t>N0024961</t>
  </si>
  <si>
    <t>How To Win At Everything 1, 8</t>
  </si>
  <si>
    <t>Ce programme aide les simples mortels à devenir de véritables dieux en vous montrant comment gagner à tous les coups. La série examine les phénomènes scientifiques en jeu dans votre vie quotidienne, dans vos échecs mais aussi et surtout dans vos réussites. Analyse des techniques gagnantes, cascades incroyables, démonstrations d'experts et essais réalisés par des jumeaux cobayes, découvrez comment passer d'une personne lambda à un être surhumain qui gagne sur tous les tableaux. Dans cet épisode, apprenez à faire du ski nautique sans skis, à chevaucher un taureau de rodéo, à emballer un colis, à construire des châteaux de sable ou encore, à vous défaire d'un ruban adhésif.</t>
  </si>
  <si>
    <t>08:15:00:00</t>
  </si>
  <si>
    <t>P0806460</t>
  </si>
  <si>
    <t>Car SOS : MGA Roadster</t>
  </si>
  <si>
    <t>Car S.O.S.</t>
  </si>
  <si>
    <t>MGA Roadster</t>
  </si>
  <si>
    <t>00:43</t>
  </si>
  <si>
    <t>Tim et Fuzz se chargent de la pire voiture de leur carrière, une MGA Roadster de 1959 dépérissant au fond d’une grange humide depuis plus de 40 ans. Cette dernière appartient à Billy, un ancien ingénieur dont la vie a été bouleversée par la noyade de son fils et de sa belle-fille lors de leur lune de miel en Afrique du Sud, en 2014. Les deux mécaniciens appellent à la rescousse James Nesbitt, l’acteur de Lucky Man, invité spécial de cet épisode.</t>
  </si>
  <si>
    <t>09:00:00:00</t>
  </si>
  <si>
    <t>P0797353</t>
  </si>
  <si>
    <t>Car SOS : Lancia Delta Integrale</t>
  </si>
  <si>
    <t>Lancia Delta Integrale</t>
  </si>
  <si>
    <t>Tim et Fuzz récupèrent la Lancia Integrale Evo II de 1994 du fou de voitures italiennes Gary. Cette championne mondiale des rallyes est si rouillée ! Les deux compères ne sont pas au bout de leurs peines. Lorsqu’une tragédie vient à frapper, le processus de restauration prend un tour complètement différent.</t>
  </si>
  <si>
    <t>09:50:00:00</t>
  </si>
  <si>
    <t>P0797354</t>
  </si>
  <si>
    <t>Car SOS : VW Karmann Ghia</t>
  </si>
  <si>
    <t>VW Karmann Ghia</t>
  </si>
  <si>
    <t>Tim et Fuzz récupèrent la Volkswagen Karmann Ghia de 1965 du fou de voitures Lee. Cette élégante voiture de collection allemande a connu des jours meilleurs. Rêve de son propriétaire, cette voiture est devenue un véritable cauchemar au fil des pannes de moteur. Le combat de Lee contre la maladie de Crohn rend difficile la restauration de son bijou, mais l’équipe de Car S.O.S. vient lui prêter main forte.</t>
  </si>
  <si>
    <t>10:40:00:00</t>
  </si>
  <si>
    <t>Air Crash : Chute de moteur</t>
  </si>
  <si>
    <t>Air Crash Investigation Special Report</t>
  </si>
  <si>
    <t>Engine Gone</t>
  </si>
  <si>
    <t>00:50</t>
  </si>
  <si>
    <t>Canada</t>
  </si>
  <si>
    <t>Alors confrontés à une même situation inextricable, le détachement d’un moteur de leur avion de ligne, ces trois équipages ne paient pas les mêmes conséquences.</t>
  </si>
  <si>
    <t>11:30:00:00</t>
  </si>
  <si>
    <t>Air Crash : Collisions sur le tarmac</t>
  </si>
  <si>
    <t>Runway Collisions</t>
  </si>
  <si>
    <t xml:space="preserve">Trois collisions tragiques sur le tarmac d’aéroports soulèvent une question brûlante : comment deux avions peuvent-ils se retrouver sur la même piste au même moment ? </t>
  </si>
  <si>
    <t>12:20:00:00</t>
  </si>
  <si>
    <t>P0812708</t>
  </si>
  <si>
    <t>Air Crash : Rupture des communications</t>
  </si>
  <si>
    <t>Communication Breakdown</t>
  </si>
  <si>
    <t>United States</t>
  </si>
  <si>
    <t>De simples malentendus sont à l’origine de certains des accidents aériens les plus meurtriers de l’histoire. Une minuscule erreur dans le cockpit a suffi à créer le chaos à l’aéroport de Quincy, dans l’Illinois. Il n’en a pas fallu plus qu’une infime maladresse et qu’une approche non conforme pour qu’une épaisse fumée s’ajoute à un malentendu tragique, qui a coûté la vie de tous les passagers du vol 152 Garuda Indonesia. Jamais un quiproquo n’a été aussi dévastateur que lors de l’accident d’avion le plus meurtrier de tous les temps, sur l’île de Tenerife.</t>
  </si>
  <si>
    <t>13:10:00:00</t>
  </si>
  <si>
    <t>P0814380</t>
  </si>
  <si>
    <t>Air Crash : Un comportement inadapté</t>
  </si>
  <si>
    <t>Bad Attitude</t>
  </si>
  <si>
    <t>Sur chaque vol, les passagers laissent leur vie entre les mains du commandant de bord, dont les faiblesses humaines suffisent pourtant à engendrer la chute de l’avion. Suite au crash du vol 548 British European Airways peu après le décollage, les enquêteurs révèlent un ensemble de facteurs humains, à l’issue tragique, liés au commandant de bord. Au même moment, sur le vol 5719 Northwest Airlink, l’opiniâtreté d’un capitaine paralyse son copilote. C’est également la faille cachée du commandant de bord qui s’avèrera fatale pour tous les passagers à bord du vol 2286 Trans Colorado.</t>
  </si>
  <si>
    <t>14:00:00:00</t>
  </si>
  <si>
    <t>Face au crime : Le proxénétisme</t>
  </si>
  <si>
    <t>Trafficked With Mariana Van Zeller</t>
  </si>
  <si>
    <t>Pimps</t>
  </si>
  <si>
    <t>Dans cet épisode, Mariana van Zeller embarque aux côtés de proxénètes, de victimes, de policiers sous couverture et de détectives privés afin de mieux saisir l’enfer de l’exploitation sexuelle illégale qui sévit sur le continent américain.</t>
  </si>
  <si>
    <t>14:50:00:00</t>
  </si>
  <si>
    <t>Face au crime : Le trafic d’armes</t>
  </si>
  <si>
    <t>Guns</t>
  </si>
  <si>
    <t>Des armes à feu américaines passent entre les mains de cartels de la drogue, déclenchant une vague de violences armées sans précédent dans tout le Mexique. Lorsque le fils du baron de la drogue le plus tristement célèbre au monde, El Chapo Guzman, se fait arrêter, le cartel infiltré par Mariana riposte avec agressivité.</t>
  </si>
  <si>
    <t>15:40:00:00</t>
  </si>
  <si>
    <t>P0761383</t>
  </si>
  <si>
    <t>Black market: rois et reines</t>
  </si>
  <si>
    <t>Underworld Inc: Kings &amp; Queens</t>
  </si>
  <si>
    <t>Underworld Inc: Kings &amp; Queens, 1</t>
  </si>
  <si>
    <t xml:space="preserve">Les vrais hors-la-loi contrôlent l'économie souterraine. Du trafic d'êtres humains aux faux médicaments, ce monde sombre et glauque possède des opérateurs à tous les niveaux. Chacun d'entre eux a pour objectif d'occuper la place la plus importante de sa catégorie. Ces rois et reines de l'ombre tirent profit des trafics illégaux aux quatre coins du monde : des armes « invisibles » sont vendues à des individus qui souhaitent contourner la loi, des cartels font passer la frontière à des hommes pour de l'argent, des trafiquants d'organes profitent d'Indiens désespérés pour faire du profit, des pseudo scientifiques fabriquent des médicaments dans leur cuisine, des maîtres de la contrefaçon produisent des objets qui rivalisent avec leurs homonymes, le blanchiment d'argent est monnaie courante au Mexique, et les fêtards new-yorkais trouvent du réconfort dans l'alcool de contrebande. 
</t>
  </si>
  <si>
    <t>16:35:00:00</t>
  </si>
  <si>
    <t>N0025772</t>
  </si>
  <si>
    <t>Black Market : Ruses et combines</t>
  </si>
  <si>
    <t>Underworld Inc: Tricks Of The Trade</t>
  </si>
  <si>
    <t>Underworld Inc: Tricks Of The Trade, 1</t>
  </si>
  <si>
    <t>Découvrez le marché noir de l'intérieur grâce à une plongée sans précèdent dans l'univers des trafiquants. Des ateliers d'armes philippins aux bordels de New York, cette série plonge au coeur du commerce illégal. Suivez le parcours d'impitoyables trafiquants, des officiers de police qui les traquent mais aussi des victimes de ces trafics.</t>
  </si>
  <si>
    <t>17:30:00:00</t>
  </si>
  <si>
    <t>P0879366</t>
  </si>
  <si>
    <t>Femmes Vikings, reines de guerre</t>
  </si>
  <si>
    <t>Viking Warrior Queens</t>
  </si>
  <si>
    <t>Viking Warrior Women</t>
  </si>
  <si>
    <t>00:44</t>
  </si>
  <si>
    <t>Depuis la nuit des temps, nous croyions que le peuple des Vikings n’était composé que d’hommes. De récentes découvertes suggèrent le contraire, remettant en question nos certitudes. À l’aide d’outils scientifiques et technologiques de pointe, la chercheuse et exploratrice National Geographic Ella Al-Shamahi entreprend de démontrer l’existence de guerrières vikings d’élite ayant combattu il y a plus de 1 000 ans.</t>
  </si>
  <si>
    <t>18:25:00:00</t>
  </si>
  <si>
    <t>P0876220</t>
  </si>
  <si>
    <t>Expédition Amelia</t>
  </si>
  <si>
    <t>Expedition Amelia</t>
  </si>
  <si>
    <t>Expedition Amelia: Bob Ballard's Search</t>
  </si>
  <si>
    <t>01:34</t>
  </si>
  <si>
    <t>Après avoir découvert le Titanic, Bob Ballard met le cap sur une île perdue du Pacifique pour une nouvelle mission : résoudre le mystère qui persiste autour de la disparition d’Amelia Earhart. Cette aviatrice pionnière a battu tous les records dans les airs et brisé le plafond de verre qui pesait sur les femmes sur terre, faisant d’elle l’une des figures féminines les plus illustres de notre histoire. En 1937, elle disparaît soudainement. Bob Ballard parviendra-t-il à retrouver son avion ?</t>
  </si>
  <si>
    <t>20:10:00:00</t>
  </si>
  <si>
    <t>P0876247</t>
  </si>
  <si>
    <t>Women of Impact : Quand les femmes changent le monde</t>
  </si>
  <si>
    <t>Women of Impact: Changing The World</t>
  </si>
  <si>
    <t>Women of Impact: Changing The World, 1</t>
  </si>
  <si>
    <t>Tout commence par une question : comment rendre notre monde plus juste ? Des célébrités internationales aux étoiles montantes, partez à la rencontre de ces femmes qui font bouger les lignes. Elles cohabitent avec des primates dans la jungle, sondent les océans pour prendre le pouls de notre planète, se lancent sur les traces des origines de l’humanité au cœur de grottes africaines et expérimentent de nouvelles technologies aux confins de l’espace. Elles brisent les plafonds de verre des salles de rédaction, de conférence, d’audience et de classe. Découvrez les histoires de celles qui réinventent notre monde et nos perceptions.</t>
  </si>
  <si>
    <t>21:00:00:00</t>
  </si>
  <si>
    <t>Air Crash : La menace du Grand Nord</t>
  </si>
  <si>
    <t>Northern Extremes</t>
  </si>
  <si>
    <t>Face aux conditions extrêmes du Grand Nord, trois avions s’écrasent. Il incombe désormais aux enquêteurs d’en découvrir les causes.</t>
  </si>
  <si>
    <t>21:50:00:00</t>
  </si>
  <si>
    <t>Air Crash : Danger sur les pistes</t>
  </si>
  <si>
    <t>Risky Runways</t>
  </si>
  <si>
    <t>Que ce soit à Sao Paulo, dans l’Himalaya ou sur le littoral norvégien, trois équipages doivent affronter l’atterrissage le plus tumultueux de tous les temps.</t>
  </si>
  <si>
    <t>22:40:00:00</t>
  </si>
  <si>
    <t>P0814383</t>
  </si>
  <si>
    <t>Air Crash : Pilotes héroïques</t>
  </si>
  <si>
    <t>Hero Pilots</t>
  </si>
  <si>
    <t>Si des années de formation sont nécessaires pour devenir commandant de bord, ce n’est qu’au cours des situations de crises que les pilotes font véritablement leurs armes. Un avion de ligne tombe en panne après avoir décollé de l’aéroport LaGuardia de New York et son courageux commandant de bord réussit un amerrissage dans l’Hudson. Une panne désastreuse survient au-dessus des prairies canadiennes, transformant un Boeing 767 en un énorme et très lourd planeur. Lorsqu’une violente tempête provoque l’extinction des moteurs du vol 110 TACA, son commandant de bord réalise l’un des atterrissages les plus remarquables de l’histoire de l’aviation commerciale.</t>
  </si>
  <si>
    <t>23:30:00:00</t>
  </si>
  <si>
    <t>P0814386</t>
  </si>
  <si>
    <t>Air Crash : L’avion ne répond plus</t>
  </si>
  <si>
    <t>Plane Versus Pilot</t>
  </si>
  <si>
    <t>Il arrive parfois que l’avion échappe au contrôle des pilotes. Le cockpit devient alors le théâtre d’une lutte opposant homme et machine. Alors que des foules enthousiastes se pressent au Salon de l’aéronautique pour y admirer le nouveau fleuron de l’aviation française, une catastrophe embrase la piste. Au cours d’un vol d’essai de routine, l’un des avions les plus sophistiqués du monde descend en piqué dans la Méditerranée. Suite à la disparition d’un Airbus rempli de passagers au-dessus de l’Atlantique, les enquêteurs mènent deux ans de recherches en haute mer, en quête de réponses.</t>
  </si>
  <si>
    <t>24:15:00:00</t>
  </si>
  <si>
    <t>25:00:00:00</t>
  </si>
  <si>
    <t>25:45:00:00</t>
  </si>
  <si>
    <t>26:30:00:00</t>
  </si>
  <si>
    <t>27:15:00:00</t>
  </si>
  <si>
    <t>27:35:00:00</t>
  </si>
  <si>
    <t>28:00:00:00</t>
  </si>
  <si>
    <t>P0867714</t>
  </si>
  <si>
    <t>The Border : Nouvelles méthodes</t>
  </si>
  <si>
    <t>The Border</t>
  </si>
  <si>
    <t>Flying High</t>
  </si>
  <si>
    <t>Dans cet épisode, les agents de Nogales, dans l’État américain de l’Arizona, sont confrontés à de nombreux défis. Les policiers du service des douanes et de la protection des frontières démantèlent un point de passage des trafiquants dans une zone isolée d’Ajo, immobilisent un véhicule qui s’apprêtait à faire passer des armes et près de 800 000 dollars au Mexique et élaborent de nouvelles stratégies destinées à lutter contre une forme de trafic de drogue inédite et quasi infaillible. Au point d’entrée, des agents arrêtent un individu en route vers le Mexique suspecté d’être une mule et découvrent qu’il n’en est pas à sa première interpellation de l’année. Au cœur du désert, ils appréhendent trois contrebandiers présumés et saisissent plusieurs paquets de marijuana enfouis dans les environs. Lors de leur patrouille nocturne, un policier et son chien sont alertés de la présence d’un groupe de potentiels trafiquants.</t>
  </si>
  <si>
    <t>28:45:00:00</t>
  </si>
  <si>
    <t>P0867724</t>
  </si>
  <si>
    <t>The Border : Traque dans le tunnel</t>
  </si>
  <si>
    <t>Tunnel Chase</t>
  </si>
  <si>
    <t>00:45</t>
  </si>
  <si>
    <t>Dans cet épisode, les forces de l’ordre luttent contre les organisations criminelles et les immigrants clandestins qui, malgré le durcissement de la frontière entre les États-Unis et le Mexique, sont parvenus à trouver des zones de passage. À 1,20 m sous Nogales, des policiers rampent au sein d’un tunnel étroit destiné au passage de la drogue, conscients de pouvoir tomber nez à nez avec des malfaiteurs armés. À proximité du point d’entrée, l’équipe d’inspection ferroviaire de Nogales est sur le qui-vive. Un train de marchandises rempli de nouvelles voitures entre en gare, lieu de prédilection pour les cartels qui dissimulent des stupéfiants à bord de ses innombrables cachettes. Si les agents ne se montrent pas suffisamment vigilants, ils risquent de passer à côté d’une cargaison suspecte. Dans le désert, la seule unité à moto tout terrain de la police des frontières poursuit un groupe d’immigrants illégaux. Au cœur de cette vaste réserve amérindienne, les policiers devront compter sur leur habileté et leur chance pour les atteindre.</t>
  </si>
  <si>
    <t>29:30:00:00</t>
  </si>
  <si>
    <t>14/02/2021</t>
  </si>
  <si>
    <t>N0024424</t>
  </si>
  <si>
    <t>Tennis Racquets and Chair Dances</t>
  </si>
  <si>
    <t>N0024962</t>
  </si>
  <si>
    <t>How To Win At Everything 1, 9</t>
  </si>
  <si>
    <t>N0024963</t>
  </si>
  <si>
    <t>How To Win At Everything 1, 10</t>
  </si>
  <si>
    <t>P0877793</t>
  </si>
  <si>
    <t>Brain Games : Suis ton instinct !</t>
  </si>
  <si>
    <t>Brain Games</t>
  </si>
  <si>
    <t>Go With Your Gut</t>
  </si>
  <si>
    <t>Cette série vous révèle comment le cerveau traite les informations relatives au stress, à la dépendance, la compétition, la nourriture, la confiance ou encore le langage. A travers une série de jeux interactifs et d’expériences en caméra cachée, vous découvrirez les tours que joue votre cerveau à votre corps, avec parfois des résultats troublants !</t>
  </si>
  <si>
    <t>P0879051</t>
  </si>
  <si>
    <t>Brain Games : Regarde</t>
  </si>
  <si>
    <t>Made You Look</t>
  </si>
  <si>
    <t>P0879625</t>
  </si>
  <si>
    <t>Brain Games : Répète encore</t>
  </si>
  <si>
    <t>Say It Again</t>
  </si>
  <si>
    <t>Les trésors perdus de la Vallée des Rois : Sur les traces de Néfertiti</t>
  </si>
  <si>
    <t>Lost Treasures of Egypt (Compilations)</t>
  </si>
  <si>
    <t>Hunt For Queen Nefertiti</t>
  </si>
  <si>
    <t>Dans cet épisode, des archéologues partent sur les traces de la plus mystérieuse reine d’Égypte, Néfertiti. Tandis que nous explorons un labyrinthe de tombeaux souterrains à la recherche de sa dernière demeure, une équipe égyptienne met au jour un cercueil parfaitement conservé rempli d’objets funéraires inhabituels, qui remonte à l’époque de la souveraine. Pendant ce temps, à Saqqarah, des chercheurs creusent le sable à la recherche d’une autre épouse de haut rang disparue.</t>
  </si>
  <si>
    <t>Les trésors perdus de la Vallée des Rois : Ramsès II, bâtisseur d’empire</t>
  </si>
  <si>
    <t>Ramses The Great: Empire Builder</t>
  </si>
  <si>
    <t>Dans cet épisode, nos archéologues remontent une piste afin de tenter de percer les mystères de la réussite de Ramsès II. Alors que des outils technologiques de pointe permettent de sauver l’un des plus beaux trésors de l’Égypte, une équipe met au jour dans une cité antique un palais secret qui servait de sanctuaire privé au pharaon. En parallèle, des fouilles menées dans un puits conduisent à une découverte révolutionnaire.</t>
  </si>
  <si>
    <t>P0930555</t>
  </si>
  <si>
    <t>Le royaume des momies égyptiennes : Entrée par effraction</t>
  </si>
  <si>
    <t>Kingdom of The Mummies</t>
  </si>
  <si>
    <t>The Broken Seal</t>
  </si>
  <si>
    <t>L’archéologie s’apparente à un travail de détective, en particulier lorsque les enquêteurs mettent la main sur un sarcophage de 12 tonnes au sceau brisé et au couvercle dépareillé. Au vu des failles dans le ciment, le Dr Ramadan Hussein soupçonne que le couvercle ait été retiré et remplacé dès l’Antiquité. Bien décidée à découvrir ce que renferme le cercueil, l’équipe de chercheurs passe au peigne fin les moindres indices laissés sur cette scène de crime.</t>
  </si>
  <si>
    <t>P0875146</t>
  </si>
  <si>
    <t>Pharaons noirs : L’empire de l’or</t>
  </si>
  <si>
    <t>Rise Of The Black Pharaohs</t>
  </si>
  <si>
    <t>Black Pharaohs: Empire of Gold, 1</t>
  </si>
  <si>
    <t>Pyramides, or et trésors antiques ne riment pas forcément avec Égypte… Partez à la découverte du Soudan, autrefois berceau du glorieux royaume de Koush. Des robots aux alpinistes, les archéologues emploient à présent tous les moyens à leur disposition pour percer les mystères de cette culture longtemps oubliée. Les Kouchites remplissaient d’or les coffres des pharaons et ont même régné sur l’ensemble de l’Égypte à une époque. Mais ce n’est qu’aujourd’hui que leur véritable histoire est enfin révélée…</t>
  </si>
  <si>
    <t>P0867722</t>
  </si>
  <si>
    <t>The Border : La créativité des cartels</t>
  </si>
  <si>
    <t>Superweed Smugglers</t>
  </si>
  <si>
    <t xml:space="preserve">Le long de la frontière entre l’Arizona et le Mexique, le renforcement de la sécurité a contraint les cartels à innover. Les agents du département de la Sécurité intérieure doivent désormais traquer trafiquants de drogue et immigrants clandestins sur les territoires les plus périlleux. Dans cet épisode, des troupes en hélicoptère collaborent avec des policiers au sol afin de suivre des individus douteux qui traversent l’un des parcs nationaux américains les plus dangereux. Huit migrants illégaux présumés sont aperçus à quelques kilomètres de la frontière depuis le poste central. L’équipe aérienne et les unités au sol se lancent à leur poursuite ; à l’aide d’un énorme projecteur, Oscar Peru guide ses hommes jusqu’aux suspects cachés sous un arbre. </t>
  </si>
  <si>
    <t>P0867716</t>
  </si>
  <si>
    <t>The Border : Une mule inattendue</t>
  </si>
  <si>
    <t>Grandma Drug Mule</t>
  </si>
  <si>
    <t>Dans une zone reculée du désert de l’Arizona, des agents de la police aux frontières traquent un groupe d’immigrants à l’aide de dispositifs de vision nocturne. Grâce à un hélicoptère militaire, des policiers en 4x4 localisent et interpellent un trafiquant présumé qui s’apprêtait à introduire de la drogue aux États-Unis. En parallèle, des patrouilleurs arrêtent une mule inattendue, bien que de plus en plus fréquente : une femme âgée.</t>
  </si>
  <si>
    <t>Face au crime : Le commerce du tigre</t>
  </si>
  <si>
    <t>Tigers</t>
  </si>
  <si>
    <t>Les États-Unis comptent aujourd’hui plus de tigres en captivité qu’à l’état sauvage. Mariana van Zeller part enquêter sur les causes de ce phénomène. Des zoos privés des États-Unis aux fermes d’élevage de tigres d’Asie, elle plonge dans les méandres du marché noir mondial des pièces de tigres. En chemin, elle fait la rencontre des acteurs principaux de Tiger King, la série à succès diffusée sur Netflix.</t>
  </si>
  <si>
    <t>Face au crime : Sur les routes de la cocaïne</t>
  </si>
  <si>
    <t>Cocaine</t>
  </si>
  <si>
    <t>Mariana van Zeller retrace l’une des routes de trafic les plus illustres au monde, de ses origines au cœur de la jungle péruvienne reculée aux côtes caribéennes de Colombie, jusqu’aux rues de Miami. Au cours de son enquête, elle découvre comment trafiquants et forces de l’ordre risquent leur vie sur ce canal qui produit un flot de cocaïne sans précédent depuis les années 1980, malgré la guerre contre la drogue menée par les États-Unis.</t>
  </si>
  <si>
    <t>19:20:00:00</t>
  </si>
  <si>
    <t>P0752242</t>
  </si>
  <si>
    <t>Kimi Werner ou la vie sauvage : Malaisie</t>
  </si>
  <si>
    <t>Living Free With Kimi Werner</t>
  </si>
  <si>
    <t>Living Free with Kimi Werner, 2</t>
  </si>
  <si>
    <t>Singapore</t>
  </si>
  <si>
    <t xml:space="preserve">Kimi Werner, se rend dans les montagnes reculées du nord de la Malaisie, où elle rejoint Ladia Kuta et sa jeune famille, tandis qu'ils tentent de survivre et de prospérer dans la nature. Kimi affronte des conditions climatiques tropicales difficiles, s'essaie à l'agriculture écologique, à la cueillette et à la pêche, tout en établissant un lien avec une famille qui a établi sa vie loin des sentiers battus. 
</t>
  </si>
  <si>
    <t>P0752244</t>
  </si>
  <si>
    <t>Kimi Werner ou la vie sauvage : Norvège</t>
  </si>
  <si>
    <t>Living Free with Kimi Werner, 3</t>
  </si>
  <si>
    <t>Kimi Werner championne de pêche sous-marine, originaire d'Hawaï cherche ce que signifie vivre plus simplement, plus librement et en connexion avec la nature. Elle part pour l'aventure de sa vie, en voyageant dans des régions reculées autour du globe pour vivre et apprendre d'individus qui ont maîtrisé l'art de survivre et de prospérer dans la nature</t>
  </si>
  <si>
    <t>Les trésors perdus de la Vallée des Rois : Le déclin des pyramides</t>
  </si>
  <si>
    <t>Death of The Pyramids</t>
  </si>
  <si>
    <t>Dans cet épisode, nos archéologues tentent de retracer les causes à l’origine du déclin des pyramides. Ils dévoilent les méthodes de protection des momies et mettent au jour un tombeau vieux de quatre millénaires.</t>
  </si>
  <si>
    <t>Les trésors perdus de la Vallée des Rois : La malédiction de la momie</t>
  </si>
  <si>
    <t>Curse of The Mummy</t>
  </si>
  <si>
    <t>Dans cet épisode, nos archéologues mènent des fouilles sur d’anciens cimetières égyptiens dans l’espoir de percer les mystères des plus intrigants artefacts qui soient : les momies.</t>
  </si>
  <si>
    <t>P0930556</t>
  </si>
  <si>
    <t>Le royaume des momies égyptiennes : La déesse serpent</t>
  </si>
  <si>
    <t>Servants of The Serpent Goddess</t>
  </si>
  <si>
    <t>Au plus profond du complexe funéraire, le Dr Ramadan Hussein et son équipe exhument deux prêtres enterrés l’un à côté de l’autre. Incroyable ascenseur émotionnel, leur enquête met au jour des objets rutilants d’une valeur inestimable, des prêtres richissimes ainsi que la vénération d’une déesse serpent oubliée. Mais un mystère subsiste… Seules les dernières technologies permettront de révéler la véritable identité de ces hommes de foi.</t>
  </si>
  <si>
    <t>P0893956</t>
  </si>
  <si>
    <t>Pharaons noirs : tombeaux engloutis</t>
  </si>
  <si>
    <t>Black Pharaohs: Sunken Treasures</t>
  </si>
  <si>
    <t>Suite à une récente découverte dans une pyramide, au pays de l’or et des trésors antiques, des archéologues partent sur les traces du glorieux royaume de Nubie. Or, ces fouilles n’ont rien d’ordinaire, la pyramide étant submergée par les eaux. Pour la toute première fois, des chercheurs plongent au cœur de ces tombeaux sous-marins afin de faire la lumière sur l’ancien royaume qui a renversé les pharaons et régné sur l’Égypte pendant 75 ans.</t>
  </si>
  <si>
    <t>15/02/2021</t>
  </si>
  <si>
    <t>N0024425</t>
  </si>
  <si>
    <t>Wall Crashes and Rollerblades</t>
  </si>
  <si>
    <t>N0002324</t>
  </si>
  <si>
    <t>Comment ça marche ?</t>
  </si>
  <si>
    <t>I Didn't Know That</t>
  </si>
  <si>
    <t>I Didn't Know That 3, 1</t>
  </si>
  <si>
    <t>00:23</t>
  </si>
  <si>
    <t>Pouvez-vous surpasser un détecteur de mensonges ? Vous poignarder avec un pointe de crayon ? Et comment faire voler droit une fusée ? Richard Ambrose et Jonny Phillips enquêtent.</t>
  </si>
  <si>
    <t>N0001794</t>
  </si>
  <si>
    <t>I Didn't Know That 3, 2</t>
  </si>
  <si>
    <t>Richard et Jonny découvrent les secrets des vêtements intelligents, expérimentent un grand-huit ultra-rapide et vont à la rencontre de puces.</t>
  </si>
  <si>
    <t>N0016131</t>
  </si>
  <si>
    <t>Air Crash : Catastrophe au Mont St Odile</t>
  </si>
  <si>
    <t>Air Crash Investigation</t>
  </si>
  <si>
    <t>Doomed To Fail</t>
  </si>
  <si>
    <t>00:46</t>
  </si>
  <si>
    <t xml:space="preserve">20 janvier 1992. Le vol 148 d'Air Inter vole au dessus des Vosges, et s'apprête à atterrir à l'aéroport de Strasbourg. Comme tous les avions A-320, les commandes de l'appareil sont automatisées. Alors que l'avion est programmé pour se poser sur une piste spécifique, les conditions météo obligent la tour de contrôle à modifier au dernier moment la piste d'atterrissage. Mais alors que les pilotes amorcent la descente, l'appareil se fend soudainement en deux, et s'écrase contre le flanc d'une montagne. Les secours arriveront-ils à temps pour sauver les passagers ? </t>
  </si>
  <si>
    <t>N0016141</t>
  </si>
  <si>
    <t>Air Crash : Chaos dans le cockpit</t>
  </si>
  <si>
    <t>Cockpit Chaos</t>
  </si>
  <si>
    <t xml:space="preserve">16 août 1987. Le vol 255 de Northwest Airlines est sur le tarmac de l'aéroport de Detroit. Les pilotes se dirigent vers Phénix en Arizona mais doivent d'abord trouver la piste de décollage et d'atterrissage. Les contrôleurs leur ont donné un changement de dernière minute et les pilotes parviennent difficilement à localiser l'entrée de leur piste de décollage. Après 45 minutes de retard, les pilotes place le DC-9 dans la bonne position. L'avion décolle de la à une vitesse de 95 miles à l'heure. Alors que le Capitaine John Maus se retire de la tour de contrôle, l'avion ne parvient pas à  décoller et rentre en collision avec un poteau et un bâtiment avant de dévaster une autoroute. Ceci est la deuxième catastrophe aérienne la plus mortelle dans l'histoire de l'aviation américaine... Les enquêteurs parviendront-ils à déterminer ce qui a pu provoquer un tel accident ?
</t>
  </si>
  <si>
    <t>N0013283</t>
  </si>
  <si>
    <t>A la casse : Locomotive</t>
  </si>
  <si>
    <t>Mega Breakdown</t>
  </si>
  <si>
    <t>Train Overhaul</t>
  </si>
  <si>
    <t>Mont Vernon, Illinois. De vieilles locomotives, décrépies et en morceaux, pourrissent sur plus de dix hectares. Mais il n'existe pas de cimetière pour locomotives. Chez National Railway Equipment Compagny, elles sont réutilisées, recyclées et transformées en machines haute technologie et économes en énergie. Suivez l'équipe de démolition dans la destruction d'une locomotive vieille de cinquante ans, avant qu'elle ne reprenne vie. Chaines,  grues, puissantes manivelles, et torches font le plus gros du travail. En à peine huit semaines, cette locomotive va opérer une totale transformation et renaitre sous la forme d'une élégante et écologique machine.</t>
  </si>
  <si>
    <t>N0018414</t>
  </si>
  <si>
    <t>Destruction tout bénef ! : Retour à la fac</t>
  </si>
  <si>
    <t>Bid &amp; Destroy</t>
  </si>
  <si>
    <t>Campus Cash Cow</t>
  </si>
  <si>
    <t>00:22</t>
  </si>
  <si>
    <t>Brian et Lee s'apprêtent à démolir une ancienne résidence étudiante sur un campus local. Afin de préserver ses bonnes relations avec l'université, Lee fait une offre de 2000 dollars trop basse. La journée s'annonce difficile et seules les découvertes de Lee et Eric peuvent sauver l'affaire...</t>
  </si>
  <si>
    <t>11:05:00:00</t>
  </si>
  <si>
    <t>N0018413</t>
  </si>
  <si>
    <t>Destruction tout bénef ! : Au poste</t>
  </si>
  <si>
    <t>Cops, Robbers, &amp; Rewards</t>
  </si>
  <si>
    <t>Lee et Brian retournent sur un campus universitaire pour démolir cette fois un immeuble de deux étages dans une station de police. Le bâtiment paraît bien fermé et les deux associés ont bon espoir de trouver des objets intéressants à l'intérieur. Mais c'est sans compter sur l'intervention d'une nuée d'abeilles...</t>
  </si>
  <si>
    <t>P0760779</t>
  </si>
  <si>
    <t>Top Cars : Le Man Maserati</t>
  </si>
  <si>
    <t>Supercar Megabuild</t>
  </si>
  <si>
    <t>Le Man Maserati</t>
  </si>
  <si>
    <t>00:42</t>
  </si>
  <si>
    <t xml:space="preserve">Dans cet épisode de SuperCar MegaBuild, Jodie Kidd a émis une requête inattendue. Elle veut que Shane et Dan transforment sa Maserati Ghibli familiale en un bolide capable d'atteindre plus de 300 kilomètres heure ! C'est une demande ambitieuse, compte-tenu du fait que sa vitesse d'origine est de 240 kilomètres heure. En plus de cela, Jodie souhaite lui donner un style rétro qui fera écho à la légendaire Maserati Tepo des années 1960. Avec une super-voiture pour un top modèle, la pression est à son maximum !
</t>
  </si>
  <si>
    <t>N0025501</t>
  </si>
  <si>
    <t>Top Cars : Nissan GT-R</t>
  </si>
  <si>
    <t>Nissan GT-R</t>
  </si>
  <si>
    <t xml:space="preserve">Afzal Kahn a bâti une entreprise internationale florissante, modifiant et customisant de superbes voitures pour les rendre incroyables. Plusieurs ateliers répondent déjà aux besoins d'une clientèle haut-de-gamme mais Afzal Kahn aime les nouveaux défis. Derrière, ses experts de la mécanique Ralph et Ranen ont mis en place un atelier expérimental. Débordant de connaissances mécaniques, il leur manque les clients et le style. Avec leurs connaissances complémentaires, le trio est bien décidé à relever des défis incroyables ! </t>
  </si>
  <si>
    <t>Pêche à haut risque : nord contre sud - Désaccord fatal</t>
  </si>
  <si>
    <t>Wicked Tuna: North Vs South</t>
  </si>
  <si>
    <t>A Fish For Frenzy</t>
  </si>
  <si>
    <t>00:40</t>
  </si>
  <si>
    <t>À l’heure où les meilleurs bateaux consolident leur place dans la compétition, Greg et ses seconds ne semblent plus être en phase, ce qui provoque la déroute de l’ancien tenant du titre.</t>
  </si>
  <si>
    <t>P0952006</t>
  </si>
  <si>
    <t>Pêche à haut risque : nord contre sud - Retournement de situation</t>
  </si>
  <si>
    <t>Never Seen Anything Like It</t>
  </si>
  <si>
    <t>00:41</t>
  </si>
  <si>
    <t>Alors que les navires tenants du titre débusquent le précieux butin, la bataille pour le thon rouge s’accélère. La perte d’un membre de l’un des équipages risque toutefois de rebattre les cartes…</t>
  </si>
  <si>
    <t>Pêche à haut risque : nord contre sud - Dave le rusé</t>
  </si>
  <si>
    <t>Tricky Dave</t>
  </si>
  <si>
    <t>Le capitaine du FV-Tuna.com, Dave Carraro, reste fidèle à sa réputation qui lui vaut le surnom de « Dave le rusé ». Après plusieurs manœuvres sournoises, la flotte commence à sérieusement douter de lui.</t>
  </si>
  <si>
    <t>Pêche à haut risque : nord contre sud - Des moments difficiles</t>
  </si>
  <si>
    <t>Hard Times At Sea</t>
  </si>
  <si>
    <t>Alors que le Hot Tuna peine à débusquer le moindre poisson en raison d’une urgence, l’équipage du Reel E Bugging repousse ses limites afin de s’affirmer dans la compétition.</t>
  </si>
  <si>
    <t>Pêche à haut risque : nord contre sud - Coup de chance</t>
  </si>
  <si>
    <t>Make Your Own Luck</t>
  </si>
  <si>
    <t>Tandis que le quota de thons rouges semble bientôt atteint, les capitaines doivent déterminer si leurs compétences ou un coup de chance leur permettront de remonter le classement.</t>
  </si>
  <si>
    <t>N0028120</t>
  </si>
  <si>
    <t>La route de l'enfer : Norvège – Valse d’accidents</t>
  </si>
  <si>
    <t>Ice Road Rescue</t>
  </si>
  <si>
    <t>Ferry Go Round</t>
  </si>
  <si>
    <t>Norway</t>
  </si>
  <si>
    <t xml:space="preserve">Thord doit faire face à un sauvetage particulièrement compliqué qui bloque toute la communauté, puisque personne ne peut ni sortir ni rentrer sur la route principale, à cause d'une énorme remorque à huit roues. Avec l'aide des habitants, Thord et Andrej parviennent à accomplir leur mission. Dans le nord, Kristoffer a la tâche délicate de remettre sur pieds un camion poubelle couché sur la route. </t>
  </si>
  <si>
    <t>N0028121</t>
  </si>
  <si>
    <t>La route de l'enfer : Norvège</t>
  </si>
  <si>
    <t>Crime Scene Rescue</t>
  </si>
  <si>
    <t>Voici une nouvelle saison pour les remorqueurs norvégiens, prêts à affronter le grand froid habituel. Dans ce nouvel épisode, Thord participe à l’enquête d’une scène de crime, Kristoffer and Erik se gavent de sushis bas de gamme, et le débutant, Andrej, doit faire face à une voiture beaucoup trop chargée... Bjørn, le loup solitaire, est le gardien des montagnes norvégiennes.</t>
  </si>
  <si>
    <t>Ultimate Airport Pérou et Brésil : Briques de cocaïne</t>
  </si>
  <si>
    <t>Airport Security: Peru and Brazil</t>
  </si>
  <si>
    <t>Cocaine Brick Bust</t>
  </si>
  <si>
    <t>Argentina</t>
  </si>
  <si>
    <t>Dans cet épisode, plus de 30 kilos de briques de cocaïne sont retrouvés à bord d’un avion, une femme enceinte sème le doute et une mule livre un récit tragique après son arrestation.</t>
  </si>
  <si>
    <t>N0018088</t>
  </si>
  <si>
    <t>Aéroport JFK : Pris en flag ! : Le baron de la drogue</t>
  </si>
  <si>
    <t>To Catch A Smuggler: JFK Airport</t>
  </si>
  <si>
    <t>Courier To Kingpin</t>
  </si>
  <si>
    <t>Quatre kilos de cocaïne, deux avions de contrebandes et un faux enlèvement ? Quand on travaille comme douanier à l'aéroport JFK, il faut s'attendre à tout. Et dans ce nouvel épisode, le défi est de taille...</t>
  </si>
  <si>
    <t>Alaska : Nouvelle vie - En marge</t>
  </si>
  <si>
    <t>Alaska: The New Pioneers</t>
  </si>
  <si>
    <t>Living On The Edge</t>
  </si>
  <si>
    <t xml:space="preserve">Tandis que l’hiver frappe l’Alaska de plein fouet, ses habitants doivent surmonter de nombreux obstacles pour assurer leur indépendance. </t>
  </si>
  <si>
    <t>Alaska : Nouvelle vie - Que la lutte commence</t>
  </si>
  <si>
    <t>The Struggle Begins</t>
  </si>
  <si>
    <t>Tandis qu’un hiver glacial et rigoureux s’annonce, les habitants de l’Alaska doivent affronter de terribles menaces et surmonter de nombreux défis s’ils souhaitent survivre.</t>
  </si>
  <si>
    <t>N0026188</t>
  </si>
  <si>
    <t>Mécanos tout terrain : Dépannage en eaux troubles</t>
  </si>
  <si>
    <t>Big Fix Alaska</t>
  </si>
  <si>
    <t>Muddying The Waters</t>
  </si>
  <si>
    <t>Face à un manque de personnel Jim est obligé d'engager l'ennemi juré de Duane. Pendant ce temps, Jim part à bord d'un hélicoptère à la recherche d'une autoneige, bloquée par de l'eau et de la boue.</t>
  </si>
  <si>
    <t>N0026189</t>
  </si>
  <si>
    <t>Mécanos tout terrain : Les générateurs de Beaver</t>
  </si>
  <si>
    <t>Kill Drill</t>
  </si>
  <si>
    <t xml:space="preserve">Cette semaine Jim et Austin se retrouvent dans la ville de Beaver afin de réparer deux générateurs qui approvisionnent tout le village en électricité. </t>
  </si>
  <si>
    <t>Alaska : Nouvelle vie - Déclaration d’indépendance</t>
  </si>
  <si>
    <t>Declaration of Independence</t>
  </si>
  <si>
    <t>Afin de se libérer des normes imposées par la société, la nouvelle génération d’Alaskains doit inventer ses propres règles pour survivre aux conditions climatiques extrêmes.</t>
  </si>
  <si>
    <t>Alaska : Nouvelle vie - Territoires inexplorés</t>
  </si>
  <si>
    <t>Unknown And Uncharted</t>
  </si>
  <si>
    <t>Alors que l’hiver s’abat sur l’Arctique, les habitants qui ne sont pas raccordés au réseau électrique doivent œuvrer sans relâche pour accéder aux ressources vitales.</t>
  </si>
  <si>
    <t>N0026186</t>
  </si>
  <si>
    <t>Mécanos tout terrain : Coincé sur la rivière Yukon</t>
  </si>
  <si>
    <t>Long Gone On The Yukon</t>
  </si>
  <si>
    <t>La boutique reçoit un appel de détresse d'un pilote bloqué sur la rivière Yukon. Mais trouver et réparer l'appareil s'avère être une entreprise périlleuse. Jim doit ensuite aller réparer une pelleteuse et un bulldozer dans le village reculé d'Ouzinkie.</t>
  </si>
  <si>
    <t>N0026187</t>
  </si>
  <si>
    <t>Mécanos tout terrain : Dos au mur</t>
  </si>
  <si>
    <t>Treading Water</t>
  </si>
  <si>
    <t>La boutique a du mal à payer les employés après la crise financière qui a touché l'activité de réparation de machines de Jim. Et pour ne rien arranger, une nouvelle mission les pousse encore plus loin dans les difficultés. C'est donc à Jim de les maintenir hors de l'eau... en supposant qu'il puisse faire face à la tempête.</t>
  </si>
  <si>
    <t>29:05:00:00</t>
  </si>
  <si>
    <t>16/02/2021</t>
  </si>
  <si>
    <t>N0024426</t>
  </si>
  <si>
    <t>Break Dances and Skateboards</t>
  </si>
  <si>
    <t>N0001795</t>
  </si>
  <si>
    <t>I Didn't Know That 3, 3</t>
  </si>
  <si>
    <t>Richard et Jonny pénètrent l'un des plus grand métro du monde, celui de Londres, et relèvent le grand défi du vélo contre métro.</t>
  </si>
  <si>
    <t>N0001796</t>
  </si>
  <si>
    <t>I Didn't Know That 3, 4</t>
  </si>
  <si>
    <t>Visitez l'un des plus grandes centrales électriques du Royaume-Uni ainsi qu'une tour couverte de panneaux solaires, et découvrez combien de fois un papier de 15 mètres sur 15 peut être plié.</t>
  </si>
  <si>
    <t>N0016181</t>
  </si>
  <si>
    <t>Air Crash : Vacances mortelles</t>
  </si>
  <si>
    <t>Miami Mystery</t>
  </si>
  <si>
    <t>00:47</t>
  </si>
  <si>
    <t>Le 19 décembre 2005, l'hydravion Chalk Ocean Airways, à destination des Bahamas, se prépare au décollage depuis la baie de Miami. Cependant, à 150 mètres à peine d'altitude, l'appareil explose et se crashe dans les eaux du port. Les secours se précipitent sur le lieu du crash, mais ne trouvent aucun survivant. Les touristes sur la plage, témoins de l'accident qui filmaient la scène, confirment que l'aile de l'avion a explosé. Les enquêteurs pourront-ils déterminer pourquoi ?</t>
  </si>
  <si>
    <t>N0016140</t>
  </si>
  <si>
    <t>Air Crash : Essai tragique</t>
  </si>
  <si>
    <t>Pilot Vs Plane</t>
  </si>
  <si>
    <t>26 juin 1988. Air France, Vol 296. L'Airbus A-320 - l'avion à réaction le plus sophistiqué au monde entreprend son baptême de l'air et sa toute première démonstration publique. L'avion se dirige vers le salon d'aéronautique en Alsace où les pilotes planifient un défilé aérien basse altitude, à couper le souffle. Mais après avoir pris place sur le minuscule terrain d'aviation, l'exposition tourne au désastre. L'avion s'enfonce dans une forêt et s'enflamme. Plus qu'une tragédie, c'est un cauchemar anéantissant les relations publiques pour l'industrie aérospatiale de l'Europe. L'investissement sur cette ligne fut énorme et une grande pression sur les enquêteurs  doivent déterminer qui du pilote ou de l'avion, était en tort.</t>
  </si>
  <si>
    <t>N0015934</t>
  </si>
  <si>
    <t>A la casse : Métaux</t>
  </si>
  <si>
    <t>NY Scrap Yard</t>
  </si>
  <si>
    <t>Gershow Recycling est une décharge de métaux, étendue sur plus de seize hectares, à Long Island, New York. En une journée, cette affaire familiale doit détruire quatorze tonnes de métal, incluant cinq cent voitures et vingt bus, pour produire une montagne métallique de plusieurs millions de dollars. Cette famille d'experts en métaux a seulement dix heures pour remplir sa mission. Ils doivent nourrir leur monstrueuse déchiqueteuse d'un flot de métal. Mais avec un marché des métaux instable, les Gershow atteindront-ils leur objectif ?</t>
  </si>
  <si>
    <t>N0015933</t>
  </si>
  <si>
    <t>A la casse : Démolition du pont de Piacenza</t>
  </si>
  <si>
    <t>The Italian Bridge</t>
  </si>
  <si>
    <t>Plaisance et son pont se trouvent à 65 kilomètres au sud de Milan, en Italie. Depuis 1949, ce pont fait d'acier et de béton relie les villes de Plaisance et Lodi, en s'étendant sur la longueur étourdissante de 1 000 mètres au-dessus de la rivière du Po. En 2009, des crues importantes ont fait monté les eaux du Po de près de 6 mètres. Le 30 Avril 2009, le drame survient lorsque la partie Nord du pont s'effondre, entraînant avec elle 4 véhicules. Ce pont est devenu le nouveau défi d'une équipe de démolisseurs italiens. Grâce à un planification détaillée, des technologies de pointe, et la contrainte de recycler 90% de l'ancien pont, Despe Demolizioni Speciali a 90 jours pour le détruire et le remplacer par un nouveau. La tâche est ardue...Ils vont devoir se battre contre de fortes pluies et un temps hivernal. Le niveau d'eau de la rivière grimpe, inondant les zones de réparation des équipes. De plus, alors que la structure est instable, les équipes travaillent à plusieurs mètres de haut sur la structure. La moindre erreur peut tourner au désastre...</t>
  </si>
  <si>
    <t>P0760783</t>
  </si>
  <si>
    <t>Top Cars : Sub Zero Porsche</t>
  </si>
  <si>
    <t>Sub Zero Porsche</t>
  </si>
  <si>
    <t xml:space="preserve">Lorsqu'Alex Prindiville, vendeur de super-voitures, promet qu'il peut transformer une Porsche en bolide capable d'effectuer une course sur la glace, il se pourrait qu'il ait un problème sur les bras. A-t-il été trop ambitieux ? Ou ses mécaniciens, Shane Lynch et Dan Baruffo, seront-ils en mesure de lui sauver la mise ? 
</t>
  </si>
  <si>
    <t>N0025496</t>
  </si>
  <si>
    <t>Top Cars : Porsche Panamera</t>
  </si>
  <si>
    <t>Porsche Panamera</t>
  </si>
  <si>
    <t>Dans cet épisode, les ingénieurs Ralph et Raven reçoivent d’Afzal Kahn la mission de transformer une Porsche Panamera banale en superbe voiture écologique hautes performances. L’objectif pour M. Kahn est de produire une voiture qui saura contenter l’appétit croissant des Chinois pour les voitures hautes performances mais qui  respectera des normes strictes en matière d’importation et d’émission de polluants liées à la taille du moteur. À la recherche de l’hybride idéal, les deux ingénieurs partent à la rencontre de l’équipe Porsche qui a gagné les 24 heures du Mans avec un moteur similaire au leur. Afin d’augmenter les performances du véhicule, ils vont également modifier le « cerveau électrique » de la voiture. De retour au Royaume-Uni, M. Kahn travaille sur un nouveau plan ingénieux de disposition des sièges et une nouvelle gamme de styles attrayants pour dirigeants perspicaces. Ralph et Ranen s’appliquent à parfaire l'aérodynamisme de la voiture pour garantir les meilleures performances possibles. Le nouveau modèle est présenté à une délégation de dirigeants commerciaux chinois dans le showroom de M. Kahn à Londres. La nouvelle voiture aura-t-elle suffisamment de succès pour remplir les carnets de commandes ?</t>
  </si>
  <si>
    <t>N0023505</t>
  </si>
  <si>
    <t>Inside : L'univers des drogues</t>
  </si>
  <si>
    <t>Drugs Inc.</t>
  </si>
  <si>
    <t>Snitch Cities</t>
  </si>
  <si>
    <t>L'héroïne la plus pure des États-Unis circule dans les rues de Minneapolis et Saint Paul, les villes jumelles du Minnesota. Des dealers mobiles se déplacent en voiture et changent d'hôtels tous les jours pour ne pas se faire repérer. La police utilise donc des indics pour tenter de démasquer les dealers et d'infiltrer les cartels. Suivez le jeu du chat et de la souris auquel se livrent dealers d'héroïne et policiers dans les villes jumelles.</t>
  </si>
  <si>
    <t>N0023530</t>
  </si>
  <si>
    <t>Dallas Dope Cowboys</t>
  </si>
  <si>
    <t>La réputation du Cartel et de ses produits n'est plus à faire et les clients sont prêts à faire le trajet jusqu'à Dallas depuis Chicago ou même Atlanta. Le marché est florissant pour les dealers locaux mais tous ne suivent pas les mêmes règles. D'un côté, les anciens comme Bulldog sont prudents et n'hésitent pas à tirer pour se protéger. Son petit commerce est ouvert 24h/24 et propose aussi bien herbe que crack. Face à eux, les jeunes ont décidé de jouer différemment. Les membres de groupes comme les Renegade Young Bloods préfèrent affronter seuls les dangers de la rue que de se soumettre à un chef. Avec plus de 100 000 membres de gangs qui se disputent chaque parcelle de ce marché juteux dans tous le Texas, pas étonnant que Dallas affiche l'un des plus forts taux d'homicides du pays.</t>
  </si>
  <si>
    <t>N0023531</t>
  </si>
  <si>
    <t>Inside : L'univers des drogues - Le buzz de Boston</t>
  </si>
  <si>
    <t>Boston Benzo Buzz</t>
  </si>
  <si>
    <t>À Boston, les réseaux dominicains qui gèrent le trafic de narcotiques et les Cartels mexicains qui ont la main mise sur le trafic d'héroïne ont décidé de travailler de concert. Imaginez donc le volume de drogue qui inonde chaque jour les rues de la ville. Les services d'urgence ne savent plus comment faire face à cette crise. Ce documentaire offre une plongée sans précédent au coeur de la ville, auprès des dealers, des consommateurs mais également des forces de l'ordre. Découvrez comment les barons dominicains de la drogue gagnent en puissance et les alliances qu'ils ont tissées avec les dealers affros et portoricains.</t>
  </si>
  <si>
    <t>N0023506</t>
  </si>
  <si>
    <t>Memphis Mayhem</t>
  </si>
  <si>
    <t xml:space="preserve">Du côté de Memphis, les habitudes en matière de drogues changent et les accros du boulevard Elvis Presley battent maintenant le pavé en quête d'héroïne. Quant aux dealers, ils recrutent à coup de dollars des équipes qui errent dans les rues à la recherche de proies faciles à arnaquer. Découvrez le quotidien des policiers qui tentent de lutter contre ces dealers fous de la gâchette pour endiguer l'épidémie. </t>
  </si>
  <si>
    <t>N0023386</t>
  </si>
  <si>
    <t>Salt Lake Sinners</t>
  </si>
  <si>
    <t xml:space="preserve">Salt Lake City, la capitale de l'Utah et le lieu de naissance de l'Eglise de Jésus Christ des Saints des derniers jours est également l'une des villes les plus sûres des États-Unis. Mais derrière ces apparences bien tranquilles se cachent en réalité une ville peu à peu gangrénée par les problèmes de drogues.  Chaque année, les abus de médicaments sur ordonnance causent plus de décès que les accidents de la route. Attirés par l'appât du gain, les plus terrifiants cartels de la drogue mexicains fournissent ce nouveau marché. Cet épisode met en lumière cette face cachée de la ville ainsi que les problèmes de drogues dans les communautés mormones et la difficulté pour les autorités de s'opposer aux cartels. </t>
  </si>
  <si>
    <t>N0028119</t>
  </si>
  <si>
    <t>La route de l'enfer : Norvège – Grand froid</t>
  </si>
  <si>
    <t>Big Freeze</t>
  </si>
  <si>
    <t xml:space="preserve">Les conditions météorologiques déplorables donnent du travail à nos sauveteurs. Dans le sud, Thord et son jeune assistant Andrzej sont occupés à aider un chauffeur polonais et sa coûteuse cargaison de sucre. Sans équipement adéquat, il ne pourra pas continuer à parcourir ces routes difficiles. Thord lui porte secours en lui vendant des chaînes pour ses pneus, ce qui lui rapporte un bon salaire. À Eidfjord, Bjørn se prend pour MacGyver lors d'une opération de sauvetage. Il doit improviser lorsqu'il se rend compte qu'il a besoin d'un entonnoir pour mettre de l'eau froide dans le moteur. Débrouillard, il parvient à régler le problème. Dans le nord, le vieux Jo Roger prend son week-end et laisse les rênes à son fils, Ole Henrik. </t>
  </si>
  <si>
    <t>N0028124</t>
  </si>
  <si>
    <t>La route de l'enfer : Norvège – Accident militaire</t>
  </si>
  <si>
    <t>Military Mayhem</t>
  </si>
  <si>
    <t>Bjørn se retrouve mêlé à une poursuite à grande vitesse et à une enquête pour vol de voiture. Des « Bonnie et Clyde » des montagnes ont volé trois voitures et sont en fuite. Thord fait face à des pluies diluviennes à Odda, et les accidents s'enchaînent. Le camion de sauvetage de Thord et Olav devient dangereux lorsqu'un réservoir diesel menace de se fendre. Enfin, Jo Roger vient en aide à un énorme engin militaire qui est immobilisé.</t>
  </si>
  <si>
    <t>Ultimate Airport Pérou et Brésil : La main dans le sac</t>
  </si>
  <si>
    <t>Triple Trafficker Takedown</t>
  </si>
  <si>
    <t>Dans cet épisode, des policiers mettent la main sur trois trafiquants à bord d’un avion. Alors qu’une future maman transporte de la cocaïne estampillée de logos étranges, deux autres femmes sont arrêtées en possession de montres contrefaites.</t>
  </si>
  <si>
    <t>Ultimate Airport Pérou et Brésil : Saisie de bagages</t>
  </si>
  <si>
    <t>Busted Baggage</t>
  </si>
  <si>
    <t>À l’aéroport international Jorge Chavez de Lima, au Pérou, les forces de sécurité œuvrent sans relâche pour identifier les trafiquants. Un homme dissimule de la cocaïne dans la structure de sa valise et fond en larmes lorsqu’il annonce à sa mère son arrestation. Alors qu’un voyageur en partance pour l’Espagne transporte des stupéfiants au sein d’emballages alimentaires, un couple souhaite se rendre au Mexique avec un animal de compagnie peu commun. Enfin, une passagère à destination du Mexique craint que le cadeau qu’elle a reçu ne cache en réalité de la contrebande.</t>
  </si>
  <si>
    <t>P0922218</t>
  </si>
  <si>
    <t>Cocaïne Wars : La guerre des cartels</t>
  </si>
  <si>
    <t>Inside Cocaine Wars: Cartel Crackdown</t>
  </si>
  <si>
    <t>La guerre contre la drogue menée au-delà des frontières américaines n’est pas près de se terminer. Son coût ? Des milliards de dollars, des milliers de victimes et l’emploi de technologies souvent contournées par l’imagination sans borne et l’avidité des cartels. De la traque des mules dans les aéroports colombiens à la poursuite d’une vedette transportant de la cocaïne en mer des Caraïbes, suivez les agents de la Drug Enforcement Administration (DEA) au cours de missions insoupçonnées.</t>
  </si>
  <si>
    <t>N0025091</t>
  </si>
  <si>
    <t>Cocaïne Wars : Les mesures répressives</t>
  </si>
  <si>
    <t>Cocaine Crackdown</t>
  </si>
  <si>
    <t>En Colombie et dans les Caraïbes, les agents spéciaux américains de la brigade de stupéfiants (DEA) luttent contre les cartels. Chaque enquête est un risque pour leur vie. Suivez ces supers policiers dans leur tentative d'empêcher la drogue d'atteindre le sol américain, au moment où ils arrêtent des mules transportant des quantités mortelles de cocaïne ou lorsqu'ils pourchassent les sous-marins furtifs.</t>
  </si>
  <si>
    <t>N0019154</t>
  </si>
  <si>
    <t>Larry : Dentiste et dealer</t>
  </si>
  <si>
    <t>King of Coke: Living The High Life</t>
  </si>
  <si>
    <t>King of Coke: Living The High Life, 1</t>
  </si>
  <si>
    <t>Larry Lavin, jeune dentiste, a une vie de rêve: une belle maison, une femme aimante et le beau-fils du président Nixon pour voisin... sans oublier un vaste réseau de drogue sous sa direction. Seul petit hic : des agents fédéraux sont à sa poursuite ! D'après le best-seller de Mark Bowden, ce programme a plus de rebondissements qu'un thriller hollywoodien : escroquerie, vol à main armée, incendie, amour et même chasse à l'homme. Venez découvrir la vie d'un véritable baron de la drogue pas comme les autres !</t>
  </si>
  <si>
    <t>N0012989</t>
  </si>
  <si>
    <t>Inside : Cannabis médical</t>
  </si>
  <si>
    <t>Inside: Medical Marijuana</t>
  </si>
  <si>
    <t>17/02/2021</t>
  </si>
  <si>
    <t>N0024431</t>
  </si>
  <si>
    <t>Ice Skating and Swing Dancing</t>
  </si>
  <si>
    <t>Se donner des coups de tête peut être acceptable chez les béliers et les boucs mais pour les humains, cela risque d'être quelque peu douloureux. Assiettes, canettes, pastèques, certains semblent ne pas savoir quand ils doivent arrêter de tester la résistance de leur crâne. Que ce soit pour apprendre à patiner ou à naviguer, la persévérance est de mise dans ce nouvel épisode de Science of Stupid. Découvrez les phénomènes scientifiques qui entrent en jeu dans la navigation et tentez de les mettre en pratique pour ne pas tomber à l'eau !</t>
  </si>
  <si>
    <t>N0001797</t>
  </si>
  <si>
    <t>I Didn't Know That 3, 5</t>
  </si>
  <si>
    <t>Comment le courrier arrive-t-il jusqu'à chez vous ? Observez le travail des 156 000 employés de la poste britannique, confrontés à 36 millions de lettres mal adressées chaque année.</t>
  </si>
  <si>
    <t>N0002504</t>
  </si>
  <si>
    <t>I Didn't Know That 3, 6</t>
  </si>
  <si>
    <t>Nos scientifiques Richard et Jonny se demandent ce qui est le plus solide : le bois ou l'acier ? Et un jeu vidéo peut-il apprendre à Richard comment piloter un hélicoptère ?</t>
  </si>
  <si>
    <t>N0015864</t>
  </si>
  <si>
    <t>Air Crash : Le drame de l'incompétence</t>
  </si>
  <si>
    <t>Cockpit Failure</t>
  </si>
  <si>
    <t xml:space="preserve">Alors qu'il effectue son trajet quotidien en provenance de Berlin, le vol Crossair Flight 3597 est en approche de Zurich. C'est l'un des derniers vols programmés avant que l'aéroport ne ferme ses portes pour la nuit. Mais quelques minutes avant de commencer sa descente, les pilotes ne parviennent pas à trouver la piste. Ils décident alors d'annuler la manoeuvre et de mettre les pleines puissances pour permettre à l'appareil de remonter. Il est trop tard. L'avion touche la cime des arbres et se crashe à flanc de coteau. 
Les enquêteurs vont passer au peigne fin les décombres ainsi que les données enregistrées par les Boites Noires. Ce n'est qu'en fouillant dans le passé que les enquêteurs résoudront l'énigme du vol Crossair Flight 3597.
</t>
  </si>
  <si>
    <t>N0016139</t>
  </si>
  <si>
    <t>Air Crash : Sauvés de justesse</t>
  </si>
  <si>
    <t>Cleared For Disaster</t>
  </si>
  <si>
    <t>1er février 1991. C'est une soirée chargée pour l'aéroport international de Los Angeles, tandis que le vol US Air 1493 fait son approche. Le pilote prépare le 737 à l'atterrissage malgré de nombreux appels sans réponse de la tour de contrôle. Ils obtiennent à la dernière minute le feu vert pour se poser, mais à quelques mètres à peine du sol, l'avion prend soudainement feu et part s'écraser dans un immeuble abandonné. Les secours se précipitent sur place, et tandis que les rescapés émergent des flammes, les pompiers font une horrible découverte...Les enquêteurs parviendront-ils à déterminer les causes de ce drame ?</t>
  </si>
  <si>
    <t>N0015931</t>
  </si>
  <si>
    <t>A la casse : Démolition du Yankee Stadium</t>
  </si>
  <si>
    <t>Yankee Stadium</t>
  </si>
  <si>
    <t>Le Yankee Stadium, patrie des Yankee de New York depuis plus de huit décennies, ayant accueilli 37 World Series, s'apprête à être démoli. C'est un travail titanesque, bourré de défis techniques. La première d'entre elles consistent à préserver certaines parties du stade. Des sièges au gazon, tout va être vendu. Lorsque tous ces souvenirs sont vendus, les équipes s'attèlent à l'énorme tâche qui consiste dégager tout ce qui, dans le stade, ne fait pas partie de la structure. Des équipements de cuisine à la célèbre frise entourant le terrain, tout doit disparaître.</t>
  </si>
  <si>
    <t>N0015936</t>
  </si>
  <si>
    <t>A la casse : Voitures de sport</t>
  </si>
  <si>
    <t>Speed</t>
  </si>
  <si>
    <t>Los Angeles, en Californie, est le lieu de prédilection des gens riches et célèbres...et de leurs voitures de sport. Le luxe est maître ici, et certains disent qu'il n'y a rien de mieux qu'une Porsche pour frimer. Et lorsque ces voitures de sport se cassent et brûlent dans des accidents, leurs épaves arrivent au " Los Angeles Dismantler " : le royaume des pièces détachées. Là-bas, une équipe d'experts désassemble totalement les voitures et récupèrent les pièces en bon état, y compris les moteurs, la transmission et les sièges...tout ce qui n'a pas été abîmé pendant l'accident. Dans cet épisode, ils doivent s'occuper de trois modèles de Porsche : une Boxster 2002, une 911 de première génération et une 997 Carrera. Chaque voiture comporte des pièces que des clients ont déjà commandées, ces nouvelles carcasses doivent donc être désossées au plus vite.</t>
  </si>
  <si>
    <t>P0763511</t>
  </si>
  <si>
    <t>Top Cars : Monster Bentley Gt</t>
  </si>
  <si>
    <t>Monster Bentley GT</t>
  </si>
  <si>
    <t xml:space="preserve">Dans cet épisode, Shane Lynch et Dan Barruffo font face à un défi de taille. Ils doivent convertir une Bentley GT de luxe pour qu'elle devienne un bolide tout-terrain ! S'ils y parviennent, il s'agira de la transformation d'une vie. Sinon, ils se retrouveront sur un tas de ferraille !
</t>
  </si>
  <si>
    <t>N0025497</t>
  </si>
  <si>
    <t>Top Cars : Bentley Mulsanne</t>
  </si>
  <si>
    <t>Bentley Mulsanne</t>
  </si>
  <si>
    <t>P0814394</t>
  </si>
  <si>
    <t>Air Crash : Politique dans les airs</t>
  </si>
  <si>
    <t>Explosive Evidence</t>
  </si>
  <si>
    <t xml:space="preserve">Lorsque des avions de ligne sont pris pour cible par inadvertance, ce sont des innocents qui en paient le prix. Chacun de ces accidents nous permet d’affiner les mesures de protection des avions de ligne contre le brasier de la guerre. Dans le désert du Sinaï, il ne reste d’un avion de ligne russe qu’une épave carbonisée. Suite à la chute d’un Boeing 747 coréen dans les eaux, les autorités soviétiques reconnaissent leur responsabilité. Lors de l’explosion d’un avion de ligne dans l’espace aérien ukrainien, de multiples obstacles géopolitiques barrent la route aux enquêteurs.
</t>
  </si>
  <si>
    <t>N0028126</t>
  </si>
  <si>
    <t>La route de l'enfer : Norvège – Livraisons mortelles</t>
  </si>
  <si>
    <t>Deadly Drops</t>
  </si>
  <si>
    <t>Thord doit interrompre son travail en raison d'un chauffeur porté disparu qui a abandonné son camion coincé sur une route accidentée... De son côté, Bjorn pense qu'il passera une bonne journée à aider un ami mais se rend compte rapidement que les belles montagnes de Norvège riment souvent avec “dangers mortels”. Kristoffer, le débutant, joue sa réputation avec le sauvetage d'un camion chargé de poissons qui pourrait mal tourner...</t>
  </si>
  <si>
    <t>N0028125</t>
  </si>
  <si>
    <t>La route de l'enfer : Norvège – Sur le fil du rasoir</t>
  </si>
  <si>
    <t>Edge of Disaster</t>
  </si>
  <si>
    <t xml:space="preserve">Le début des vacances signifie que les routes sont très fréquentées. Les accidents (et le travail) ne cessent de s'accumuler... Et ce sont les plus terrifiants de la saison. Un simple sauvetage se transforme rapidement en une mission extrêmement compliquée, qui engendre d'énormes embouteillages. Quant à Thord, il devra faire face à une convalescence susceptible de mettre sa vie en jeu. </t>
  </si>
  <si>
    <t>Ultimate Airport Pérou et Brésil : Opération infiltrée</t>
  </si>
  <si>
    <t>Undercover Operation</t>
  </si>
  <si>
    <t>Au programme de cet épisode : de la cocaïne dans des sous-vêtements, un coup de filet sous couverture et un couple douteux soupçonné d’être en lien avec un réseau de trafic de drogue.</t>
  </si>
  <si>
    <t>Ultimate Airport Pérou et Brésil : Bain de cocaïne</t>
  </si>
  <si>
    <t>Soaked In Cocaine</t>
  </si>
  <si>
    <t>À l’aéroport international Jorge Chavez de Lima, au Pérou, les agents de la brigade des stupéfiants œuvrent sans relâche afin d’empêcher toute substance illicite de sortir du territoire. Des policiers se lancent dans une course-poursuite pour localiser un suspect retrouvé dans un endroit inattendu. Un trafiquant arrogant transporte le double de la charge autorisée et un jeune homme se révèle avoir avalé et scotché de la drogue sur son corps. Un cas d’addiction au café ainsi que de la cocaïne dissimulée sous un manteau et dans des pièces mécaniques seront également au programme.</t>
  </si>
  <si>
    <t>N0024987</t>
  </si>
  <si>
    <t>Mega Tornade</t>
  </si>
  <si>
    <t>Inside The Mega Twister</t>
  </si>
  <si>
    <t>La tornade qui a frappé El Reno, en Oklahoma, le 31 mai 2013, dépasse tous les superlatifs. Il s'agit de la plus grande, d'une des plus rapides et de la plus meurtrière pour les chasseurs de tornade jamais connue sur Terre. Tim Samaras, l'un des plus grands spécialistes du domaine, a reconnu que cette tornade n'avait rien à voir avec ce qu'il avait pu voir auparavant. Professionnels et amateurs ont filmé cet évènement et la quantité d'images disponibles est impressionnante. Un homme, le Dr. Anton Seimon, a décidé de toutes les rassembler, d'identifier l'endroit où elles ont été prises pour les mettre bout à bout et retracer ainsi minute par minute l'avancée de la tornade. Partez pour un incroyable voyage au coeur de la tornade.</t>
  </si>
  <si>
    <t>N0020688</t>
  </si>
  <si>
    <t>SOS : Météo catastrophe</t>
  </si>
  <si>
    <t>Worst Weather Ever?</t>
  </si>
  <si>
    <t>01:27</t>
  </si>
  <si>
    <t>La météo devient de plus en plus irrégulière et dangereuse. Chaos, destruction et mort sont de plus en plus souvent les sujets d'ouverture des journaux d'information. En Inde, la mousson est précoce et provoque des crues subites qui plongent des villes entières sous l'eau ; en Chine, les grêlons géants tombent du ciel, détruisant les récoltes et tuant de nombreuses personnes ; en Australie, une vague de chaleur record déclenche des incendies à travers le pays. Maisons détruites, vies perdues, la dernière décennie a vu des ouragans et des tornades tellement puissantes que même les chasseurs de tempêtes n'y étaient pas préparés. Les sécheresses, les tempêtes et les inondations ont toujours existé mais la météo semble être hors de contrôle. A-t-elle toujours été aussi mauvaise ? Les scientifiques confirment que nous vivons un réchauffement climatique, quelles sont les réelles conséquences sur la météo ? Y-a-t-il une montée en puissance des tornades ? Les ouragans se produisent-ils plus souvent ? Pourquoi une grosse chaleur l'été signifie un hiver plus froid ?</t>
  </si>
  <si>
    <t>N0013663</t>
  </si>
  <si>
    <t>Les colères de la Terre</t>
  </si>
  <si>
    <t>Disaster Planet</t>
  </si>
  <si>
    <t>Les tsunamis, les tremblements de terre, les tornades et les éruptions volcaniques : découvrez le pourquoi et le comment de ces catastrophes naturelles, et les moyens possibles de les en empêcher.</t>
  </si>
  <si>
    <t>P0948753</t>
  </si>
  <si>
    <t>Alerte ouragans : Les tempêtes du golfe du Mexique</t>
  </si>
  <si>
    <t>A Gathering Storm</t>
  </si>
  <si>
    <t>Gulf Storms</t>
  </si>
  <si>
    <t>Si les eaux chaudes et peu profondes du golfe du Mexique concentrent une activité industrielle et commerciale florissante, elles alimentent également la naissance d’ouragans. Bien que le littoral du golfe ait été dévasté par le passé, les économies côtière et maritime ont toujours su se relever. La zone compte ainsi plus d’habitants, de navires, de pêcheurs et de plateformes pétrolières que jamais. Trois violentes tempêtes s’apprêtent à s’abattre sur la région au cours de la saison. Quelles en seront les conséquences ?</t>
  </si>
  <si>
    <t>Alerte ouragans : Le tueur des eaux froides</t>
  </si>
  <si>
    <t>Cold Ocean Killer</t>
  </si>
  <si>
    <t>À bord des navires du nord-est des États-Unis, National Geographic lève les voiles pour une saison de pêche meurtrière dans l’Atlantique. Bravant les flots tempétueux et les vents du nord-est, la flotte de pêche au homard et à la coquille Saint-Jacques manque d’être engloutie par des vagues gigantesques. Si certains récoltent les fruits de leurs prises de risques, d’autres bateaux ne rentreront pas à bon port.</t>
  </si>
  <si>
    <t>Alerte ouragans : L’allée des typhons</t>
  </si>
  <si>
    <t>Typhoon Alley</t>
  </si>
  <si>
    <t>En plein cœur de « l’allée des typhons », l’île américaine de Guam voit naître les tempêtes les plus violentes du Pacifique. Tandis que le typhon Kammuri se développe à toute vitesse et menace dangereusement la base navale américaine et le port de marchandises de l’île, Guam se retrouve à nouveau en première ligne. En l’espace de quelques jours, le cyclone tropical gagne en puissance et frappe les Philippines, devenant ainsi le typhon le plus destructeur de l’année.</t>
  </si>
  <si>
    <t>P0879690</t>
  </si>
  <si>
    <t>Au cœur du désastre : Feu de l’enfer au Portugal</t>
  </si>
  <si>
    <t>Witness To Disaster</t>
  </si>
  <si>
    <t>Portugal Hellfire</t>
  </si>
  <si>
    <t>Dans cet épisode, nous reviendrons sur le plus vaste feu de forêt de l’histoire du Portugal et sur ses conséquences dévastatrices sur une communauté rurale. Alors que les pompiers tentaient inlassablement de le maîtriser, des rafales de vent ont participé à sa propagation, le rendant incontrôlable. Des habitants en fuite se sont retrouvés pris au piège dans les flammes, pour un bilan de 205 blessés et de 66 morts. À travers une enquête minutieuse, nous retracerons le cours des événements ainsi que les décisions qui, en une fraction de seconde, ont permis de sauver des vies.</t>
  </si>
  <si>
    <t>18/02/2021</t>
  </si>
  <si>
    <t>N0024432</t>
  </si>
  <si>
    <t>Jet Skis and Pillow Fights</t>
  </si>
  <si>
    <t>N0001798</t>
  </si>
  <si>
    <t>I Didn't Know That 3, 7</t>
  </si>
  <si>
    <t>Jonny essaie de battre le record de rapidité d'ingestion de haricots, soit 136 en 3 minutes, et une caméra miniature nous fait pénétrer l'univers des puces de lit.</t>
  </si>
  <si>
    <t>N0001799</t>
  </si>
  <si>
    <t>Comment ça marche?</t>
  </si>
  <si>
    <t>I Didn't Know That 3, 8</t>
  </si>
  <si>
    <t xml:space="preserve">Richard et Jonny plonge dans l'univers des cascadeurs et s'intéressent aussi aux prothèses de jambe. Peut-on battre un casino aux cartes ou à la roulette ? </t>
  </si>
  <si>
    <t>N0015865</t>
  </si>
  <si>
    <t>Air Crash : L'énigme d'Heathrow</t>
  </si>
  <si>
    <t>The Heathrow Enigma</t>
  </si>
  <si>
    <t>17 janvier 2008. Alors qu'il est sur le point d'achever ses dix heures de vol en provenance de Pékin, le vol British Airways 38 se prépare à descendre sur la piste d'Heathrow. Au moment où le premier officier prend le contrôle de l'appareil et deux minutes avant que l'avion ne touche le sol, deux moteurs tombent en panne. En chute libre, et n'ayant que quelques secondes pour agir, le capitaine relève les volets de l'avion pour réduire sa portée. L'appareil manque de toucher des bâtiments et une antenne radio, il finira sa course en bout de piste. Tous les passagers ont survécu. Les enquêteurs découvriront-ils comment l'un des avions les plus sophistiqués au monde a pu s'écraser dans de telles conditions ?</t>
  </si>
  <si>
    <t>N0016142</t>
  </si>
  <si>
    <t>Air Crash : Tensions au-dessus de la Russie</t>
  </si>
  <si>
    <t>Target Is Destroyed</t>
  </si>
  <si>
    <t>Le 1er septembre 1981, le vol Korean Airlines 007 survole la mer du Japon avec 269 passagers à son bord. Dans l'espoir d'économiser le carburant de ce vol non stop entre New York et Séoul, les pilotes demandent la permission de monter en altitude. Cependant, alors qu'ils prennent de la hauteur, l'appareil subit une soudaine décompression de la cabine, qui fait perdre le contrôle aux pilotes. Le vol 007 se crashe en pleine mer. Une véritable polémique internationale s'engage à la suite du drame, qui pousse les autorités soviétiques à admettre avoir abattu l'avion. Une véritable pression repose alors sur les enquêteurs chargés de l'enquête : selon leurs conclusions, la guerre froide peut éclater en combat ouvert.</t>
  </si>
  <si>
    <t>N0016159</t>
  </si>
  <si>
    <t>A la casse : Bateau de la Navy</t>
  </si>
  <si>
    <t>Navy Tanker</t>
  </si>
  <si>
    <t xml:space="preserve">Sous le soleil du Texas, une équipe d'experts en démolition tente de découper et de recycler le navire de la Navy U.S.S. Savannah AOR-4.  Ces vingt dernières années, ce solide porte-avion a ravitaillé les autres navires de la flotte. Mais aujourd'hui, il accomplit son ultime voyage à l'Esco Marine, un champ de ferraille dans le sud du Texas où il sera désossé et recyclé. </t>
  </si>
  <si>
    <t>N0015932</t>
  </si>
  <si>
    <t>A la casse : Démolition d'une prison</t>
  </si>
  <si>
    <t>Prison</t>
  </si>
  <si>
    <t xml:space="preserve">"A la casse" s'attaque à l'un des plus grands projets jamais pensé : un immeuble conçu pour être virtuellement impénétrable ... la Prison d'Etat de Riverfront, à Camden dans le New Jersey. De véritables cellules, une bibliothèque, une chapelle, quatre tours de garde et  un feuillard, tout est voué à disparaitre. Cette propriété de plus de six hectares, située en bord de rivière, se trouve un terrain de valeur. La prison est condamnée à mort, pour faire place à une nouvelle construction. Mais les obstacles se multiplient à chaque carrefour, de la présence d'amiante aux tempêtes de neige hivernales.Comme si le défi n'était déjà pas assez grand, l'équipe de démolition va tout faire pour recycler le plus de matériaux possible. Ils doivent agir avec précaution pour que le cuivre et l'acier puissent être réemployés dans de nouveaux produits.  </t>
  </si>
  <si>
    <t>P0762482</t>
  </si>
  <si>
    <t>Top Cars : Delorean Reboot</t>
  </si>
  <si>
    <t>Delorean Reboot</t>
  </si>
  <si>
    <t xml:space="preserve">Shane Lynch et Dan Baruffo font face à l'opportunité d'une vie. Le propriétaire de la DeLorean Motor Company souhaite qu'ils lui construisent une voiture – un modèle qui s'inspire du coupé des années 1980, devenu une icône grâce aux films « Retour vers le futur ». Ils devront construire une DeLorean à partir d'un simple châssis, puis le redessiner et le moderniser, tout en respectant le statut culte de la voiture. Il s'agit d'une grosse responsabilité pour les deux garçons et pour Alex, leur patron pointilleux, et ils ne peuvent pas se permettre d'échouer.  
</t>
  </si>
  <si>
    <t>N0025500</t>
  </si>
  <si>
    <t>Top Cars : Chevrolet Camaro</t>
  </si>
  <si>
    <t>Chevrolet Camaro</t>
  </si>
  <si>
    <t>Made in USA : La paire de baskets</t>
  </si>
  <si>
    <t>Made In A Day</t>
  </si>
  <si>
    <t>Sneakers</t>
  </si>
  <si>
    <t>Pénétrez dans les coulisses de l’usine New Balance, située à Lawrence, dans le Massachusetts. L’entreprise est l’une des dernières grandes marques de baskets qui continuent de confectionner leurs chaussures aux États-Unis. Son modèle le plus vendu est le résultat d’une parfaite alliance entre machines de pointe, savoir-faire artisanal et logistique mondiale.</t>
  </si>
  <si>
    <t>13:35:00:00</t>
  </si>
  <si>
    <t>Made in USA : Le whisky Jack Daniels</t>
  </si>
  <si>
    <t>Whiskey</t>
  </si>
  <si>
    <t>Il y a 150 ans, à Lynchburg, dans le Tennessee, le spiritueux devenu le plus célèbre des États-Unis connaissait de bien modestes débuts. Aujourd’hui, cette même distillerie produit plus de 120 millions de bouteilles par an de l’une des boissons les plus prisées de par le monde. Du broyage des céréales au vieillissement au charbon de bois dans des fûts, en passant par la distillation, découvrez le processus de fabrication du whisky Jack Daniels au cœur d’un marché d’une valeur de 800 milliards de dollars par an.</t>
  </si>
  <si>
    <t>Made in USA : L'hélicoptère</t>
  </si>
  <si>
    <t>Helicopters</t>
  </si>
  <si>
    <t>00:20</t>
  </si>
  <si>
    <t>En première ligne à la moindre urgence majeure, 30 000 hélicoptères civils sont prêts à intervenir à travers le monde. Pénétrez dans les coulisses de l’usine d’Airbus, fabricant de l’hélicoptère monomoteur le plus populaire sur la planète, le H-125.</t>
  </si>
  <si>
    <t>14:25:00:00</t>
  </si>
  <si>
    <t>Made in USA : Les repas des avions</t>
  </si>
  <si>
    <t>Airplane Meals</t>
  </si>
  <si>
    <t>Plus grand traiteur pour compagnies aériennes au monde, Gate Gourmet produit chaque année des millions de repas depuis son immense cuisine de Los Angeles. Percez les secrets de ces chefs de haut vol qui concoctent de bons petits plats à partir d’ingrédients locaux aux 40 000 passagers décollant de Los Angeles chaque jour.</t>
  </si>
  <si>
    <t>Made in USA : La voiture électrique</t>
  </si>
  <si>
    <t>Electric Cars</t>
  </si>
  <si>
    <t>Pénétrez dans les coulisses de l’usine Tesla, où l’automatisation exécutée par une armée de robots, une main-d’œuvre qualifiée et une logistique à l’échelle globale s’associent pour donner naissance à la voiture électrique baptisée Model 3.</t>
  </si>
  <si>
    <t>15:15:00:00</t>
  </si>
  <si>
    <t>Made in USA : la sauce piquante</t>
  </si>
  <si>
    <t>Hot Sauce</t>
  </si>
  <si>
    <t>Découvrez le processus de fabrication et de distribution de la célèbre sauce pimentée. Autrefois simple piment cultivé au sein des fermes d’Amérique centrale et du Sud, ce fruit épicé s’est répandu aux quatre coins du monde jusqu’à devenir l’un des ingrédients les plus recherchés. La raison ? Un marché de la sauce piquante en plein essor, dont les ventes s’élèvent alors à plus de 4 milliards de dollars. Avec plus de 182 millions de bouteilles vendues par an, la marque Tabasco, l’une des pionnières du secteur, continue de mettre le feu au marché.</t>
  </si>
  <si>
    <t>Made in USA : Vers l'infini et au-delà</t>
  </si>
  <si>
    <t>Space Rockets</t>
  </si>
  <si>
    <t>De tôles métalliques à la naissance d’un service de taxi vers les étoiles à 1,4 million d’euros, découvrez l’extraordinaire processus de fabrication d’une fusée. Ouvrant la voie à un champ de possibles pour l’ensemble de l’humanité, les missions spatiales représentent une économie susceptible d’atteindre les mille milliards de dollars au cours des 20 prochaines années. En matière d’exploration des confins de l’univers, le constructeur américain de fusées ULA se trouve aujourd’hui à la pointe.</t>
  </si>
  <si>
    <t>16:05:00:00</t>
  </si>
  <si>
    <t>Made in USA : La guitare électrique</t>
  </si>
  <si>
    <t>Electric Guitars</t>
  </si>
  <si>
    <t>Pénétrez dans les coulisses de la manufacture de Gibson Guitars, située à Nashville, dans le Tennessee, et découvrez les secrets de fabrication de leurs instruments légendaires. Avant d’arriver sur scène, l’illustre guitare électrique Les Paul est avant tout le résultat d’une parfaite alliance entre machines de pointe, savoir-faire artisanal et logistique mondiale.</t>
  </si>
  <si>
    <t>Made in USA : Le camion de pompiers</t>
  </si>
  <si>
    <t>Fire Trucks</t>
  </si>
  <si>
    <t>Au cœur de chaque quartier se trouve une caserne de pompiers. À l’intérieur, des soldats du feu mettent leur vie en péril 24h/24 et 7j/7 afin de sauver celle des autres. Pour remporter le combat contre les flammes, leur légendaire camion fait office de cheval de bataille. Découvrez le processus de fabrication des véhicules préférés des Américains.</t>
  </si>
  <si>
    <t>16:55:00:00</t>
  </si>
  <si>
    <t>Made in USA : Les satellites</t>
  </si>
  <si>
    <t>Satellites</t>
  </si>
  <si>
    <t>L’opérateur basé en Floride OneWeb Satellites nous révèle le processus de fabrication des premiers satellites produits en série au monde. Concepteurs d’engins spatiaux, ingénieurs et robots s’associent en vue d’imaginer et d’envoyer dans l’espace des satellites destinés à fournir un accès à Internet aux quatre coins du globe.</t>
  </si>
  <si>
    <t>N0028122</t>
  </si>
  <si>
    <t>La route de l'enfer : Norvège – Lamentations hivernales</t>
  </si>
  <si>
    <t>Winter Woes</t>
  </si>
  <si>
    <t xml:space="preserve">Thord se retrouve dans une drôle de situation lorsqu'il est appelé pour venir en aide à une remorque remplie de lait. Le camion est très proche du flanc de la montagne : un faux mouvement peut tout renverser. Cependant, l'expertise et la vivacité d'esprit de Thord vont l'aider à en venir à bout. Bjorn passe une mauvaise journée au travail : il n'est pas dans son assiette et se rend compte des inconvénients que comporte son caractère solitaire. Ole Henrik, le débutant, fait lui aussi face à des difficultés. Sans l’aide de son père, il se retrouve dans une situation compliquée à gérer. </t>
  </si>
  <si>
    <t>N0028118</t>
  </si>
  <si>
    <t>Danger On Death Hill</t>
  </si>
  <si>
    <t xml:space="preserve">À cause du rude hiver qui s'annonce, Thord doit acheter un nouveau camion de sauvetage, mais un tel investissement n'est jamais simple. Bjørn est appelé pour venir en aide à un chauffeur étranger inexpérimenté qui bloque la route principale du pont d'une montagne, ce qui déplaît fortement aux locaux. Dans le nord, Kristoffer et Erik font face aux conditions météorologiques difficiles et à du verglas en portant secours à une remorque bloquée à l'heure de pointe. </t>
  </si>
  <si>
    <t>Ultimate Airport Pérou et Brésil : Jeunes mariés hors la loi</t>
  </si>
  <si>
    <t>Smuggling Newlyweds</t>
  </si>
  <si>
    <t>Dans cet épisode, de jeunes mariés qui avaient dissimulé de la cocaïne sur leurs corps sont pris en flagrant délit. Une femme agitée se révèle avoir les jambes enveloppées de poudre blanche et des stupéfiants sont retrouvés au fond d’un sac de créateur.</t>
  </si>
  <si>
    <t>Ultimate Airport Pérou et Brésil : Divorce et drogues</t>
  </si>
  <si>
    <t>Drugs And Divorce</t>
  </si>
  <si>
    <t>À l’aéroport international Jorge Chavez de Lima, au Pérou, les agents de sécurité travaillent d’arrache-pied pour tenter d’empêcher la sortie de substances illicites du pays. Niant voyager ensemble, un couple divorcé transporte des valises identiques remplies de poudre blanche. Malgré un test à la cocaïne revenu négatif, des policiers décident de creuser davantage la piste d’un sac qui présente des traces douteuses. Alors qu’un suspect dissimule de la cocaïne dans les poignées de son bagage cabine, un homme est retrouvé avec 35 capsules de la même substance dans l’estomac.</t>
  </si>
  <si>
    <t>P0867721</t>
  </si>
  <si>
    <t>The Border : Saisi et détruit</t>
  </si>
  <si>
    <t>Seize And Destroy</t>
  </si>
  <si>
    <t>Chaque année, les agents du département de la Sécurité intérieure saisissent d’énormes quantités de marchandises illégales : des stupéfiants en direction des États-Unis, des armes à feu et de l’argent destinés aux cartels mexicains, et des véhicules ainsi que des tunnels utilisés pour leur transport. Les équipes de The Border ont pu pénétrer les coulisses d’établissements aux quatre coins des États-Unis afin de connaître le destin de cette contrebande, stockée dans les chambres fortes des douanes et de la police aux frontières. Des échantillons de drogue saisie sont transmis aux laboratoires de la DEA pour y être analysés. Dans d’autres lieux confidentiels, armes et voitures sont détruites, tandis que les drogues dures illégales sont incinérées.</t>
  </si>
  <si>
    <t>P0867713</t>
  </si>
  <si>
    <t>The Border : Cargaison illicite</t>
  </si>
  <si>
    <t>Contraband Cargo</t>
  </si>
  <si>
    <t>Direction El Paso, l’une des plus grandes agglomérations aux confins entre les États-Unis et le Mexique. Non loin de là, la ville mexicaine de Ciudad Juárez constitue un point de passage majeur de la drogue. Réunies, elles rassemblent la plus importante population frontalière au monde. National Geographic suivra le service américain des douanes et de la protection des frontières qui lutte pour éradiquer les trafics d’êtres humains et de stupéfiants au sein de cette périphérie stratégique. Les agents mettent la main sur de la marijuana méticuleusement cachée dans les pneus d’un camion à plateau. Ils interpellent des immigrants clandestins escaladant la frontière avec une échelle ainsi qu’une jeune femme en possession de cocaïne, qui réagit étrangement à son arrestation.</t>
  </si>
  <si>
    <t>P0867718</t>
  </si>
  <si>
    <t>The Border : La capitale du meurtre</t>
  </si>
  <si>
    <t>Murder Capital</t>
  </si>
  <si>
    <t>Direction El Paso, dans l’ouest du Texas, ville considérée comme l’une des plus sûres des États-Unis. Non loin de là, la ville de Ciudad Juárez, l’une des plus dangereuses au monde, menace cette tranquillité. Nous suivrons les agents des douanes et de la protection des frontières lors de leurs patrouilles le long de cette ligne stratégique, tandis qu’ils affrontent la violence des cartels de drogue mexicains et le trafic d’êtres humains. Dans cet épisode, la police aux frontières poursuit deux immigrants clandestins cachés dans le parking d’une école, découvre un réservoir contenant 20 kilos de marijuana et arrête deux Guatémaltèques qui franchissaient illégalement la zone à l’aide de téléphones portables. Un journaliste et un caméraman qui couvrent la frontière nous offriront un angle de vue inédit sur la ville de Ciudad Juárez.</t>
  </si>
  <si>
    <t>P0782569</t>
  </si>
  <si>
    <t>The Border : La brigade canine</t>
  </si>
  <si>
    <t>Border Wars</t>
  </si>
  <si>
    <t>Canine Alert</t>
  </si>
  <si>
    <t>La main d’œuvre et les outils de haute technologie ne suffisent pas à protéger la frontière. Dans cet épisode de The Border, nous allons voir en action les brigades canines, des assistants à quatre pattes capables d’aller là où les hommes et la technologie n’ont pas accès. Nous allons les voir à l’œuvre avec leurs partenaires humains. Le bureau des douanes et de la protection des frontières (CBP) possède une équipe de plus de 1 500 chiens, ce qui en fait la patrouille de maintien de l’ordre la plus nombreuse aux États-Unis, avec des chiens incroyables comme Archi qui a aidé à arrêter plus de 800 immigrants clandestins et à saisir l’équivalent de 2,3 millions de dollars de drogue.</t>
  </si>
  <si>
    <t>19/02/2021</t>
  </si>
  <si>
    <t>N0024433</t>
  </si>
  <si>
    <t>Ostriches and Go Karts</t>
  </si>
  <si>
    <t>Bondir à travers une fenêtre, des cerceaux ou des espaces étroits peut donner un air très cool si la manoeuvre est réussie. Mais si ce n'est pas le cas, tout le monde est juste très embarrassé. Et la situation est bien souvent la même pour tous ceux qui décident de remonter un toboggan. Si, en plus, différents facteurs comme l'eau ou la boue sont de la partie, c'est la cascade garantie ! Une leçon à tirer ? Mieux vaut prendre les escaliers...</t>
  </si>
  <si>
    <t>N0001800</t>
  </si>
  <si>
    <t>I Didn't Know That 3, 9</t>
  </si>
  <si>
    <t>Richard et Jonny visitent un barrage monumental au Pays de Galles pour comprendre le défi architectural de ces structures. Puis, ils s'intéressent au fonctionnement des radars.</t>
  </si>
  <si>
    <t>N0001801</t>
  </si>
  <si>
    <t>I Didn't Know That 3, 10</t>
  </si>
  <si>
    <t>Richard et Jonny entrent dans les coulisses d'un supermarché pour examiner comment fonctionnent les code-barres et à quel point la musique d'ambiance affecte vos achats.</t>
  </si>
  <si>
    <t>N0015867</t>
  </si>
  <si>
    <t>Air Crash : Pilote en détresse</t>
  </si>
  <si>
    <t>Pilot Betrayed</t>
  </si>
  <si>
    <t xml:space="preserve">27 décembre 1991 : le vol 751 de la Scandinavian Airlines affronte la neige sur le tarmac de l'aéroport Stockholm-Arlanda. Le DC 9 a été dégivré à deux reprises pour pouvoir décoller. Malgré les conditions hivernales, l'appareil s'envole sans heurt. Quelques secondes plus tard, les moteurs se mettent à rugir et de la fumée apparait dans l'habitacle. Moins de deux minutes plus tard, les moteurs tombent en panne. Alors que le pilote tente de les relancer, le monteur gauche prend feu. A plus de 3000 pieds, l'avion a perdu ses moteurs et tombe du ciel. L'appareil heurte violemment le sol, se fracasse en trois morceaux, mais tous les passagers en sortent indemnes. Les enquêteurs vont devoir déterminer les causes de l'accident. </t>
  </si>
  <si>
    <t>N0016132</t>
  </si>
  <si>
    <t>Air Crash : Neige sanglante</t>
  </si>
  <si>
    <t>Cold Case</t>
  </si>
  <si>
    <t>Le 10 mars 1989, en route pour Winnipeg, le vol Air Ontario 1363 se prépare à décoller après une courte escale dans un aéroport isolé au nord du Canada. Ayant déjà une heure de retard, les pilotes craignent que la neige ne retarde encore plus le départ. C'est pourquoi, directement après avoir fait le plein, qu'il se positionne sur la piste de décollage et accélère. Le jet parvient à décoller à la lisière des arbres en bout de piste, mais se met soudain à trembler violemment et, une minute à peine après le décollage, se crashe dans la forêt. Il faudra des mois aux enquêteurs pour déterminer les causes de l'accident, qu'ils ne découvrirent que trop tard, après qu'un autre vol ne soit victime du même climat mortel.</t>
  </si>
  <si>
    <t>N0016158</t>
  </si>
  <si>
    <t>A la casse : Camion</t>
  </si>
  <si>
    <t>Cargo Truck</t>
  </si>
  <si>
    <t>Le Volvo FH12 Globe-trotter : Après avoir trainé une cargaison sur plusieurs milliers de kilomètres, ce camion européen se dirige vers la casse. Mais en Suède, pays connu pour ses initiatives "vertes" Volvo permet à 90 % du camion d'être réutilisé ou recyclé. Morceau par-morceau, une équipe d'experts va devoir enlever chaque pièce de l'engin pourvu de 350 chevaux afin de le recycler et même de créer un nouveau modèle encore plus imposant.</t>
  </si>
  <si>
    <t>N0015935</t>
  </si>
  <si>
    <t>A la casse : Le F4 phantom</t>
  </si>
  <si>
    <t>Phantom Jet</t>
  </si>
  <si>
    <t xml:space="preserve">Le F4 Phantom faisait partie de l'escadron de l'Air Force. Sa rapidité, son agilité et sa puissance de feu faisaient de lui l'un des jets les plus dangereux au monde. Il a prit place dans presque tous les conflits de notre époque, du Vietnam à la guerre Iran/Irak, en passant par l'Afghanistan. Mais même ces guerriers ailés doivent se retirer. Quelques  F4 Phantom sont utilisés comme drones pour des cibles précises, d'autres sont désarmés et cloués au sol. Ils sont parfois réutilisés pour d'autres missions. Le processus de destruction ne prend que deux mois et demi ... mais reste très dangereux. Chaque avion contient un canon Vulcan, un siège éjectable, des missiles chargés... L'équipe de spécialistes chargée de détruire ces parties est consciente de sa mission : un seul faux mouvement et le processus de destruction peut endommager plusieurs parties de l'avion ; ou, au pire, blesser ou tuer, technicien ou pilote...         
</t>
  </si>
  <si>
    <t>P0759102</t>
  </si>
  <si>
    <t>Top Cars : Audi R8 Drifter</t>
  </si>
  <si>
    <t>Audi R8 Drifter</t>
  </si>
  <si>
    <t xml:space="preserve">Dans cet épisode de SuperCar MegaBuild, les experts en mécanique Shane et Dan font face à un projet des plus ambitieux. Ils doivent transformer une Audi R8 en une candidate pour le Gymkhana Grid... Ce qui signifie qu'une super-voiture exclusive doit devenir une machine de guerre qui peut glisser et se faufiler dans une course automobile aggressive. Le temps presse et la pression est à son maximum. Les garçons ont-ils été trop ambitieux ?
</t>
  </si>
  <si>
    <t>N0025502</t>
  </si>
  <si>
    <t>Top Cars : Audi A8</t>
  </si>
  <si>
    <t>Audi A8</t>
  </si>
  <si>
    <t>N0019760</t>
  </si>
  <si>
    <t>Mystère au coeur du Guangxi</t>
  </si>
  <si>
    <t>Mystery Caves of Guangxi</t>
  </si>
  <si>
    <t>Mystery Caves of Guangxi, 1</t>
  </si>
  <si>
    <t>Stephen Shearman</t>
  </si>
  <si>
    <t>Les chinois les appellent "Tiankeng". Ces immenses trous de plusieurs centaines de mètres de large, sont assez vastes pour abriter des forêts souterraines. Ce sont de véritables énigmes de la nature. Mais comment se sont-ils formés et pourquoi ici ? En effet, les tiankengs sont très présents dans cette petite région de Chine, le Guangxi. Une équipe d'explorateurs intrépides descend dans ce monde oublié. Ils font partie des premiers à venir sonder les mystères de ce labyrinthe inexploré.</t>
  </si>
  <si>
    <t>P0829060</t>
  </si>
  <si>
    <t>L'île de Pâques redévoilée</t>
  </si>
  <si>
    <t>Easter Island Underworld Update</t>
  </si>
  <si>
    <t>Easter Island Unsolved</t>
  </si>
  <si>
    <t>Elle compte parmi les îles inhabitées les plus reculées de la planète. Rapa Nui, fût une utopie d’île à la culture autrefois si vivante, installée il y a 1000 ans, elle possédait un art et des rituels remarquables, et puis elle a disparu. La série se penche sur les premiers et les derniers instants des habitants de l’Île de Pâques, au travers d’une série de récits et de spectacles hauts en couleur. Aujourd’hui, en raison de la montée de océans et de l’érosion du littoral, cet écrin et ses 1100 statues Moaï arrive à un point critique au-delà duquel il pourrait disparaître à jamais.</t>
  </si>
  <si>
    <t>P0831512</t>
  </si>
  <si>
    <t>Le secret du tombeau d'Hérode</t>
  </si>
  <si>
    <t>Herod's Lost Tomb</t>
  </si>
  <si>
    <t>Herod's Lost Tomb Update</t>
  </si>
  <si>
    <t>Quand l’archéologue Ehud Netzer découvrit en 2006 ce qu’il pensait être le tombeau d’Hérode 1er le Grand, le méchant biblique, sa trouvaille fût reconnue comme l’une des plus grandes découvertes archéologiques jamais faites en Israël. Mais aujourd’hui, à la lumière de nouvelles révélations - et de nouvelles analyses - certains experts pensent que la tombe du méchant maître reste encore à découvrir.</t>
  </si>
  <si>
    <t>P0863328</t>
  </si>
  <si>
    <t>Gobekli Tepe, berceau de l'humanité</t>
  </si>
  <si>
    <t>Riddle of The Stone Age Giants</t>
  </si>
  <si>
    <t>Riddle of The Stone Age Giants, 1</t>
  </si>
  <si>
    <t>Découvert il y a 20 ans, le site archéologique de Göbekli Tepe a transformé notre vision de l’histoire de l’humanité. Des sculptures de crânes découvertes récemment nous en apprennent aujourd’hui davantage sur la manière dont les sociétés civilisées se sont développées.</t>
  </si>
  <si>
    <t>N0028127</t>
  </si>
  <si>
    <t>La route de l'enfer : Norvège –  La fin de l’hiver</t>
  </si>
  <si>
    <t>Winter's End</t>
  </si>
  <si>
    <t xml:space="preserve">Les mois les plus difficiles de l'hiver sont passés. Les hommes de la patrouille de sauvetage hivernale ont beau être concurrents, ils sont avant tout des amis. Ils se rendent à la montagne pour se reposer et revivre les sauvetages qui ont fait de cette saison la plus spectaculaire et la plus audacieuse de leurs vies. </t>
  </si>
  <si>
    <t>N0028123</t>
  </si>
  <si>
    <t>La route de l'enfer : Norvège – Chaos dans la montagne</t>
  </si>
  <si>
    <t>Storm Chaos Mountain</t>
  </si>
  <si>
    <t>La plus grosse tempête s'apprête à s’abattre sur la Norvège et tous les sauveteurs doivent arrêter de travailler. Sous une pluie battante, accompagnée de vent et de neige, les équipes du Nord et du Sud sont sous pression : ils doivent faire descendre tout le monde de la montagne et se préparer avant l'orage.</t>
  </si>
  <si>
    <t>P0884833</t>
  </si>
  <si>
    <t>Ultimate Airport : Amérique latine - Saisies records</t>
  </si>
  <si>
    <t>Airport Security Compilations</t>
  </si>
  <si>
    <t>Big Busts</t>
  </si>
  <si>
    <t>Cet épisode revient sur les plus grosses saisies de cocaïne au sein des aéroports de Colombie et du Pérou. Un individu en partance pour la République dominicaine dissimule de la cocaïne dans des cahiers de textes d’enfants. Une belle-mère et sa fille cachent des briques de poudre blanche sous leurs vestes. Son enfant sous le bras, une mère camoufle la drogue dans des emballages alimentaires et des vêtements pour enfants. Des agents de la brigade de lutte contre les stupéfiants découvrent de la cocaïne dans une cargaison d’herbes aromatiques. Enfin, un homme en route pour le Mexique transporte des briques de ladite substance dans son bagage à main, tandis qu’un autre transite avec de la cocaïne liquide dans des bouteilles de soda.</t>
  </si>
  <si>
    <t>Ultimate Airport Pérou et Brésil : Valise en surpoids</t>
  </si>
  <si>
    <t>Suitcase Saturation</t>
  </si>
  <si>
    <t>À l’aéroport international Jorge Chavez de Lima, au Pérou, la police fait face à un défi de taille : endiguer le trafic de drogue. Des agents arrêtent un homme en possession d’emballages alimentaires remplis de cocaïne, suspecté de cacher d’autres substances. Une vieille dame dissimulant des stupéfiants dans son sac est interpellée. Après la découverte de drogues dans sa valise, une mère de famille déclare être également forcée de se prostituer. Enfin, un individu assure que les cachets scotchés sur son corps sont destinés à sa consommation personnelle.</t>
  </si>
  <si>
    <t>P0807654</t>
  </si>
  <si>
    <t>Car SOS : Triumph GT6</t>
  </si>
  <si>
    <t>Triumph GT6</t>
  </si>
  <si>
    <t>Tim et Fuzz récupèrent la Triumph GT6 de 1971 d’Andrew, voiture de sport de collection anglaise à deux places. Réponse de Triumph à sa rivale MGB GT, ce coupé racé doté d’un puissant moteur à six cylindres de deux litres est devenu un classique désirable. La restauration de la voiture est impossible pour le fou du volant Andrew, atteint du syndrome de Marfan. C’est sans compter sur l’équipe de Car S.O.S. qui a la solution à la situation !</t>
  </si>
  <si>
    <t>P0805164</t>
  </si>
  <si>
    <t>Car SOS : Citroen DS</t>
  </si>
  <si>
    <t>Citroen DS</t>
  </si>
  <si>
    <t>Tim et Fuzz se rendent dans le nord de la France afin de récupérer la Citroën DS de 1968 de Roger, héros de guerre de 94 ans devenu propriétaire de cette voiture dès sa sortie. Longtemps considérée comme la plus belle voiture jamais imaginée, la légendaire DS faisait autrefois tourner des têtes mais les décennies passées dans une grange l’ont décomposée. Les particularités techniques de la voiture donnent du fil à retordre aux deux compères qui se lancent dans une course contre la montre pour rendre au propriétaire son bijou flambant neuf.</t>
  </si>
  <si>
    <t>P0807649</t>
  </si>
  <si>
    <t>Car SOS : Toyota FJ40 Land Cruiser</t>
  </si>
  <si>
    <t>Toyota FJ40 Land Cruiser</t>
  </si>
  <si>
    <t>Tim et Fuzz reprennent la Toyota FJ40 Land Cruiser de 1984 d’Adam, un légendaire véhicule tout-terrain japonais. Grâce à son moteur six cylindres, cette voiture puissante est devenue la référence en matière de 4x4. Son propriétaire l’utilisait quotidiennement jusqu’à ce qu’elle fasse une sortie de route à cause d’une panne de moteur. Atteint d’une maladie grave, Adam n’était pas en mesure de la réparer. Ni une, ni deux, l’équipe de Car S.O.S. arrive à sa rescousse afin de remettre sa voiture de rêve sur pied et de lui redonner le sourire.</t>
  </si>
  <si>
    <t>P0757388</t>
  </si>
  <si>
    <t>Car S.O.S. : Sunbeam Alpine</t>
  </si>
  <si>
    <t>Sunbeam Alpine</t>
  </si>
  <si>
    <t xml:space="preserve">Tim et Fuzz ont récupéré une Sunbeam Alpine, un classique britannique des années 1960. Ray, son propriétaire, est un ancien garagiste qui l'a achetée pour la restaurer, mais une lésion cérébrale l'a laissé gravement handicapé. Tim et Fuzz mobilisent toutes leurs compétences et leurs pièces détachées pour remettre ce bolide sur la route, au service d'un propriétaire particulièrement méritant. 
</t>
  </si>
  <si>
    <t>P0757386</t>
  </si>
  <si>
    <t>Car S.O.S. : Renault 5 GT Turbo</t>
  </si>
  <si>
    <t>Renault 5 GT Turbo</t>
  </si>
  <si>
    <t xml:space="preserve">Tim et Fuzz ont récupéré une Renault 5 GT Turbo, un modèle français légendaire des années 1980. Ben, son propriétaire, avait commencé sa restauration lorsqu'il a souffert d'une défaillance des organes, ce qui l'a empêché de mener à bien son projet. Tim et Fuzz parviendront-ils à remettre cette voiture de rêve sur la route ?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4">
    <fill>
      <patternFill patternType="none"/>
    </fill>
    <fill>
      <patternFill patternType="gray125"/>
    </fill>
    <fill>
      <patternFill patternType="solid">
        <fgColor rgb="FFFFFF00"/>
        <bgColor indexed="64"/>
      </patternFill>
    </fill>
    <fill>
      <patternFill patternType="solid">
        <fgColor theme="0"/>
        <bgColor indexed="64"/>
      </patternFill>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8">
    <xf numFmtId="0" fontId="1" fillId="0" borderId="0" xfId="0" applyFont="1" applyFill="1" applyBorder="1"/>
    <xf numFmtId="0" fontId="1" fillId="2" borderId="0" xfId="0" applyFont="1" applyFill="1" applyBorder="1"/>
    <xf numFmtId="0" fontId="2" fillId="3" borderId="1" xfId="0" applyNumberFormat="1" applyFont="1" applyFill="1" applyBorder="1" applyAlignment="1">
      <alignment vertical="top" wrapText="1" readingOrder="1"/>
    </xf>
    <xf numFmtId="0" fontId="1" fillId="3" borderId="2" xfId="0" applyNumberFormat="1" applyFont="1" applyFill="1" applyBorder="1" applyAlignment="1">
      <alignment vertical="top" wrapText="1"/>
    </xf>
    <xf numFmtId="0" fontId="1" fillId="3" borderId="3" xfId="0" applyNumberFormat="1" applyFont="1" applyFill="1" applyBorder="1" applyAlignment="1">
      <alignment vertical="top" wrapText="1"/>
    </xf>
    <xf numFmtId="0" fontId="1" fillId="3" borderId="0" xfId="0" applyFont="1" applyFill="1" applyBorder="1"/>
    <xf numFmtId="0" fontId="3" fillId="3" borderId="1" xfId="0" applyNumberFormat="1" applyFont="1" applyFill="1" applyBorder="1" applyAlignment="1">
      <alignment horizontal="center" vertical="top" wrapText="1" readingOrder="1"/>
    </xf>
    <xf numFmtId="0" fontId="4" fillId="3" borderId="1" xfId="0" applyNumberFormat="1" applyFont="1" applyFill="1" applyBorder="1" applyAlignment="1">
      <alignment vertical="top" wrapText="1" readingOrder="1"/>
    </xf>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225"/>
  <sheetViews>
    <sheetView showGridLines="0" tabSelected="1" topLeftCell="A202" workbookViewId="0">
      <selection activeCell="I208" sqref="I208:I209"/>
    </sheetView>
  </sheetViews>
  <sheetFormatPr defaultRowHeight="15"/>
  <cols>
    <col min="1" max="1" width="11.85546875" style="5" customWidth="1"/>
    <col min="2" max="2" width="14" style="5" customWidth="1"/>
    <col min="3" max="3" width="15.28515625" style="5" customWidth="1"/>
    <col min="4" max="4" width="19.85546875" style="5" customWidth="1"/>
    <col min="5" max="5" width="22.28515625" style="5" customWidth="1"/>
    <col min="6" max="6" width="21.140625" style="5" customWidth="1"/>
    <col min="7" max="7" width="15.85546875" style="5" customWidth="1"/>
    <col min="8" max="8" width="13.7109375" style="5" customWidth="1"/>
    <col min="9" max="9" width="27.7109375" style="5" customWidth="1"/>
    <col min="10" max="10" width="19.85546875" style="5" customWidth="1"/>
    <col min="11" max="11" width="21.42578125" style="5" customWidth="1"/>
    <col min="12" max="12" width="64.7109375" style="5" customWidth="1"/>
    <col min="13" max="13" width="0" style="5" hidden="1" customWidth="1"/>
    <col min="14" max="24" width="9.140625" style="5"/>
  </cols>
  <sheetData>
    <row r="1" spans="1:12" ht="18" customHeight="1">
      <c r="A1" s="2" t="s">
        <v>0</v>
      </c>
      <c r="B1" s="3"/>
      <c r="C1" s="3"/>
      <c r="D1" s="3"/>
      <c r="E1" s="3"/>
      <c r="F1" s="3"/>
      <c r="G1" s="3"/>
      <c r="H1" s="3"/>
      <c r="I1" s="3"/>
      <c r="J1" s="3"/>
      <c r="K1" s="3"/>
      <c r="L1" s="4"/>
    </row>
    <row r="2" spans="1:12">
      <c r="A2" s="6" t="s">
        <v>1</v>
      </c>
      <c r="B2" s="6" t="s">
        <v>2</v>
      </c>
      <c r="C2" s="6" t="s">
        <v>3</v>
      </c>
      <c r="D2" s="6" t="s">
        <v>4</v>
      </c>
      <c r="E2" s="6" t="s">
        <v>5</v>
      </c>
      <c r="F2" s="6" t="s">
        <v>6</v>
      </c>
      <c r="G2" s="6" t="s">
        <v>7</v>
      </c>
      <c r="H2" s="6" t="s">
        <v>8</v>
      </c>
      <c r="I2" s="6" t="s">
        <v>9</v>
      </c>
      <c r="J2" s="6" t="s">
        <v>10</v>
      </c>
      <c r="K2" s="6" t="s">
        <v>11</v>
      </c>
      <c r="L2" s="6" t="s">
        <v>12</v>
      </c>
    </row>
    <row r="3" spans="1:12" ht="15.2" customHeight="1">
      <c r="A3" s="7" t="s">
        <v>13</v>
      </c>
      <c r="B3" s="7" t="s">
        <v>14</v>
      </c>
      <c r="C3" s="7" t="s">
        <v>15</v>
      </c>
      <c r="D3" s="7" t="s">
        <v>16</v>
      </c>
      <c r="E3" s="7" t="s">
        <v>16</v>
      </c>
      <c r="F3" s="7" t="s">
        <v>17</v>
      </c>
      <c r="G3" s="7">
        <v>23</v>
      </c>
      <c r="H3" s="7" t="s">
        <v>18</v>
      </c>
      <c r="I3" s="7">
        <v>2015</v>
      </c>
      <c r="J3" s="7" t="s">
        <v>19</v>
      </c>
      <c r="K3" s="7"/>
      <c r="L3" s="7" t="s">
        <v>20</v>
      </c>
    </row>
    <row r="4" spans="1:12" ht="15.2" customHeight="1">
      <c r="A4" s="7" t="s">
        <v>13</v>
      </c>
      <c r="B4" s="7" t="s">
        <v>21</v>
      </c>
      <c r="C4" s="7" t="s">
        <v>22</v>
      </c>
      <c r="D4" s="7" t="s">
        <v>23</v>
      </c>
      <c r="E4" s="7" t="s">
        <v>24</v>
      </c>
      <c r="F4" s="7" t="s">
        <v>25</v>
      </c>
      <c r="G4" s="7">
        <v>14</v>
      </c>
      <c r="H4" s="7" t="s">
        <v>18</v>
      </c>
      <c r="I4" s="7">
        <v>2015</v>
      </c>
      <c r="J4" s="7" t="s">
        <v>19</v>
      </c>
      <c r="K4" s="7"/>
      <c r="L4" s="7" t="s">
        <v>26</v>
      </c>
    </row>
    <row r="5" spans="1:12" ht="15.2" customHeight="1">
      <c r="A5" s="7" t="s">
        <v>13</v>
      </c>
      <c r="B5" s="7" t="s">
        <v>27</v>
      </c>
      <c r="C5" s="7" t="s">
        <v>28</v>
      </c>
      <c r="D5" s="7" t="s">
        <v>23</v>
      </c>
      <c r="E5" s="7" t="s">
        <v>24</v>
      </c>
      <c r="F5" s="7" t="s">
        <v>29</v>
      </c>
      <c r="G5" s="7">
        <v>8</v>
      </c>
      <c r="H5" s="7" t="s">
        <v>18</v>
      </c>
      <c r="I5" s="7">
        <v>2015</v>
      </c>
      <c r="J5" s="7" t="s">
        <v>19</v>
      </c>
      <c r="K5" s="7"/>
      <c r="L5" s="7" t="s">
        <v>30</v>
      </c>
    </row>
    <row r="6" spans="1:12" ht="15.2" customHeight="1">
      <c r="A6" s="7" t="s">
        <v>13</v>
      </c>
      <c r="B6" s="7" t="s">
        <v>31</v>
      </c>
      <c r="C6" s="7" t="s">
        <v>32</v>
      </c>
      <c r="D6" s="7" t="s">
        <v>33</v>
      </c>
      <c r="E6" s="7" t="s">
        <v>34</v>
      </c>
      <c r="F6" s="7" t="s">
        <v>35</v>
      </c>
      <c r="G6" s="7">
        <v>3</v>
      </c>
      <c r="H6" s="7" t="s">
        <v>36</v>
      </c>
      <c r="I6" s="7">
        <v>2018</v>
      </c>
      <c r="J6" s="7" t="s">
        <v>19</v>
      </c>
      <c r="K6" s="7"/>
      <c r="L6" s="7" t="s">
        <v>37</v>
      </c>
    </row>
    <row r="7" spans="1:12" ht="15.2" customHeight="1">
      <c r="A7" s="7" t="s">
        <v>13</v>
      </c>
      <c r="B7" s="7" t="s">
        <v>38</v>
      </c>
      <c r="C7" s="7" t="s">
        <v>39</v>
      </c>
      <c r="D7" s="7" t="s">
        <v>40</v>
      </c>
      <c r="E7" s="7" t="s">
        <v>34</v>
      </c>
      <c r="F7" s="7" t="s">
        <v>41</v>
      </c>
      <c r="G7" s="7">
        <v>1</v>
      </c>
      <c r="H7" s="7" t="s">
        <v>36</v>
      </c>
      <c r="I7" s="7">
        <v>2018</v>
      </c>
      <c r="J7" s="7" t="s">
        <v>19</v>
      </c>
      <c r="K7" s="7"/>
      <c r="L7" s="7" t="s">
        <v>42</v>
      </c>
    </row>
    <row r="8" spans="1:12" ht="15.2" customHeight="1">
      <c r="A8" s="7" t="s">
        <v>13</v>
      </c>
      <c r="B8" s="7" t="s">
        <v>43</v>
      </c>
      <c r="C8" s="7" t="s">
        <v>44</v>
      </c>
      <c r="D8" s="7" t="s">
        <v>45</v>
      </c>
      <c r="E8" s="7" t="s">
        <v>34</v>
      </c>
      <c r="F8" s="7" t="s">
        <v>46</v>
      </c>
      <c r="G8" s="7">
        <v>2</v>
      </c>
      <c r="H8" s="7" t="s">
        <v>36</v>
      </c>
      <c r="I8" s="7">
        <v>2018</v>
      </c>
      <c r="J8" s="7" t="s">
        <v>19</v>
      </c>
      <c r="K8" s="7"/>
      <c r="L8" s="7" t="s">
        <v>47</v>
      </c>
    </row>
    <row r="9" spans="1:12" ht="15.2" customHeight="1">
      <c r="A9" s="7" t="s">
        <v>13</v>
      </c>
      <c r="B9" s="7" t="s">
        <v>48</v>
      </c>
      <c r="C9" s="7"/>
      <c r="D9" s="7" t="s">
        <v>49</v>
      </c>
      <c r="E9" s="7" t="s">
        <v>50</v>
      </c>
      <c r="F9" s="7" t="s">
        <v>51</v>
      </c>
      <c r="G9" s="7">
        <v>2</v>
      </c>
      <c r="H9" s="7" t="s">
        <v>52</v>
      </c>
      <c r="I9" s="7">
        <v>2020</v>
      </c>
      <c r="J9" s="7" t="s">
        <v>53</v>
      </c>
      <c r="K9" s="7"/>
      <c r="L9" s="7" t="s">
        <v>54</v>
      </c>
    </row>
    <row r="10" spans="1:12" ht="15.2" customHeight="1">
      <c r="A10" s="7" t="s">
        <v>13</v>
      </c>
      <c r="B10" s="7" t="s">
        <v>55</v>
      </c>
      <c r="C10" s="7"/>
      <c r="D10" s="7" t="s">
        <v>56</v>
      </c>
      <c r="E10" s="7" t="s">
        <v>50</v>
      </c>
      <c r="F10" s="7" t="s">
        <v>57</v>
      </c>
      <c r="G10" s="7">
        <v>7</v>
      </c>
      <c r="H10" s="7" t="s">
        <v>52</v>
      </c>
      <c r="I10" s="7">
        <v>2020</v>
      </c>
      <c r="J10" s="7" t="s">
        <v>53</v>
      </c>
      <c r="K10" s="7"/>
      <c r="L10" s="7" t="s">
        <v>58</v>
      </c>
    </row>
    <row r="11" spans="1:12" ht="15.2" customHeight="1">
      <c r="A11" s="7" t="s">
        <v>13</v>
      </c>
      <c r="B11" s="7" t="s">
        <v>59</v>
      </c>
      <c r="C11" s="7" t="s">
        <v>60</v>
      </c>
      <c r="D11" s="7" t="s">
        <v>61</v>
      </c>
      <c r="E11" s="7" t="s">
        <v>50</v>
      </c>
      <c r="F11" s="7" t="s">
        <v>62</v>
      </c>
      <c r="G11" s="7">
        <v>1</v>
      </c>
      <c r="H11" s="7" t="s">
        <v>36</v>
      </c>
      <c r="I11" s="7">
        <v>2018</v>
      </c>
      <c r="J11" s="7" t="s">
        <v>63</v>
      </c>
      <c r="K11" s="7"/>
      <c r="L11" s="7" t="s">
        <v>64</v>
      </c>
    </row>
    <row r="12" spans="1:12" ht="15.2" customHeight="1">
      <c r="A12" s="7" t="s">
        <v>13</v>
      </c>
      <c r="B12" s="7" t="s">
        <v>65</v>
      </c>
      <c r="C12" s="7" t="s">
        <v>66</v>
      </c>
      <c r="D12" s="7" t="s">
        <v>67</v>
      </c>
      <c r="E12" s="7" t="s">
        <v>50</v>
      </c>
      <c r="F12" s="7" t="s">
        <v>68</v>
      </c>
      <c r="G12" s="7">
        <v>2</v>
      </c>
      <c r="H12" s="7" t="s">
        <v>36</v>
      </c>
      <c r="I12" s="7">
        <v>2018</v>
      </c>
      <c r="J12" s="7" t="s">
        <v>63</v>
      </c>
      <c r="K12" s="7"/>
      <c r="L12" s="7" t="s">
        <v>69</v>
      </c>
    </row>
    <row r="13" spans="1:12" ht="15.2" customHeight="1">
      <c r="A13" s="7" t="s">
        <v>13</v>
      </c>
      <c r="B13" s="7" t="s">
        <v>70</v>
      </c>
      <c r="C13" s="7"/>
      <c r="D13" s="7" t="s">
        <v>71</v>
      </c>
      <c r="E13" s="7" t="s">
        <v>72</v>
      </c>
      <c r="F13" s="7" t="s">
        <v>73</v>
      </c>
      <c r="G13" s="7">
        <v>8</v>
      </c>
      <c r="H13" s="7" t="s">
        <v>52</v>
      </c>
      <c r="I13" s="7">
        <v>2020</v>
      </c>
      <c r="J13" s="7" t="s">
        <v>63</v>
      </c>
      <c r="K13" s="7"/>
      <c r="L13" s="7" t="s">
        <v>74</v>
      </c>
    </row>
    <row r="14" spans="1:12" ht="15.2" customHeight="1">
      <c r="A14" s="7" t="s">
        <v>13</v>
      </c>
      <c r="B14" s="7" t="s">
        <v>75</v>
      </c>
      <c r="C14" s="7"/>
      <c r="D14" s="7" t="s">
        <v>76</v>
      </c>
      <c r="E14" s="7" t="s">
        <v>72</v>
      </c>
      <c r="F14" s="7" t="s">
        <v>77</v>
      </c>
      <c r="G14" s="7">
        <v>4</v>
      </c>
      <c r="H14" s="7" t="s">
        <v>52</v>
      </c>
      <c r="I14" s="7">
        <v>2020</v>
      </c>
      <c r="J14" s="7" t="s">
        <v>63</v>
      </c>
      <c r="K14" s="7"/>
      <c r="L14" s="7" t="s">
        <v>78</v>
      </c>
    </row>
    <row r="15" spans="1:12" ht="15.2" customHeight="1">
      <c r="A15" s="7" t="s">
        <v>13</v>
      </c>
      <c r="B15" s="7" t="s">
        <v>79</v>
      </c>
      <c r="C15" s="7" t="s">
        <v>80</v>
      </c>
      <c r="D15" s="7" t="s">
        <v>81</v>
      </c>
      <c r="E15" s="7" t="s">
        <v>82</v>
      </c>
      <c r="F15" s="7" t="s">
        <v>83</v>
      </c>
      <c r="G15" s="7">
        <v>1</v>
      </c>
      <c r="H15" s="7" t="s">
        <v>36</v>
      </c>
      <c r="I15" s="7">
        <v>2016</v>
      </c>
      <c r="J15" s="7" t="s">
        <v>63</v>
      </c>
      <c r="K15" s="7"/>
      <c r="L15" s="7" t="s">
        <v>84</v>
      </c>
    </row>
    <row r="16" spans="1:12" ht="15.2" customHeight="1">
      <c r="A16" s="7" t="s">
        <v>13</v>
      </c>
      <c r="B16" s="7" t="s">
        <v>85</v>
      </c>
      <c r="C16" s="7" t="s">
        <v>86</v>
      </c>
      <c r="D16" s="7" t="s">
        <v>87</v>
      </c>
      <c r="E16" s="7" t="s">
        <v>88</v>
      </c>
      <c r="F16" s="7" t="s">
        <v>89</v>
      </c>
      <c r="G16" s="7">
        <v>1</v>
      </c>
      <c r="H16" s="7" t="s">
        <v>36</v>
      </c>
      <c r="I16" s="7">
        <v>2015</v>
      </c>
      <c r="J16" s="7" t="s">
        <v>63</v>
      </c>
      <c r="K16" s="7"/>
      <c r="L16" s="7" t="s">
        <v>90</v>
      </c>
    </row>
    <row r="17" spans="1:24" ht="15.2" customHeight="1">
      <c r="A17" s="7" t="s">
        <v>13</v>
      </c>
      <c r="B17" s="7" t="s">
        <v>91</v>
      </c>
      <c r="C17" s="7" t="s">
        <v>92</v>
      </c>
      <c r="D17" s="7" t="s">
        <v>93</v>
      </c>
      <c r="E17" s="7" t="s">
        <v>94</v>
      </c>
      <c r="F17" s="7" t="s">
        <v>95</v>
      </c>
      <c r="G17" s="7">
        <v>1</v>
      </c>
      <c r="H17" s="7" t="s">
        <v>96</v>
      </c>
      <c r="I17" s="7">
        <v>2019</v>
      </c>
      <c r="J17" s="7" t="s">
        <v>19</v>
      </c>
      <c r="K17" s="7"/>
      <c r="L17" s="7" t="s">
        <v>97</v>
      </c>
    </row>
    <row r="18" spans="1:24" ht="15.2" customHeight="1">
      <c r="A18" s="7" t="s">
        <v>13</v>
      </c>
      <c r="B18" s="7" t="s">
        <v>98</v>
      </c>
      <c r="C18" s="7" t="s">
        <v>99</v>
      </c>
      <c r="D18" s="7" t="s">
        <v>100</v>
      </c>
      <c r="E18" s="7" t="s">
        <v>101</v>
      </c>
      <c r="F18" s="7" t="s">
        <v>102</v>
      </c>
      <c r="G18" s="7">
        <v>1</v>
      </c>
      <c r="H18" s="7" t="s">
        <v>103</v>
      </c>
      <c r="I18" s="7">
        <v>2019</v>
      </c>
      <c r="J18" s="7" t="s">
        <v>63</v>
      </c>
      <c r="K18" s="7"/>
      <c r="L18" s="7" t="s">
        <v>104</v>
      </c>
    </row>
    <row r="19" spans="1:24" ht="15.2" customHeight="1">
      <c r="A19" s="7" t="s">
        <v>13</v>
      </c>
      <c r="B19" s="7" t="s">
        <v>105</v>
      </c>
      <c r="C19" s="7" t="s">
        <v>106</v>
      </c>
      <c r="D19" s="7" t="s">
        <v>107</v>
      </c>
      <c r="E19" s="7" t="s">
        <v>108</v>
      </c>
      <c r="F19" s="7" t="s">
        <v>109</v>
      </c>
      <c r="G19" s="7">
        <v>1</v>
      </c>
      <c r="H19" s="7" t="s">
        <v>96</v>
      </c>
      <c r="I19" s="7">
        <v>2019</v>
      </c>
      <c r="J19" s="7" t="s">
        <v>63</v>
      </c>
      <c r="K19" s="7"/>
      <c r="L19" s="7" t="s">
        <v>110</v>
      </c>
    </row>
    <row r="20" spans="1:24" s="1" customFormat="1" ht="15.2" customHeight="1">
      <c r="A20" s="7" t="s">
        <v>13</v>
      </c>
      <c r="B20" s="7" t="s">
        <v>111</v>
      </c>
      <c r="C20" s="7"/>
      <c r="D20" s="7" t="s">
        <v>112</v>
      </c>
      <c r="E20" s="7" t="s">
        <v>50</v>
      </c>
      <c r="F20" s="7" t="s">
        <v>113</v>
      </c>
      <c r="G20" s="7">
        <v>10</v>
      </c>
      <c r="H20" s="7" t="s">
        <v>52</v>
      </c>
      <c r="I20" s="7">
        <v>2020</v>
      </c>
      <c r="J20" s="7" t="s">
        <v>53</v>
      </c>
      <c r="K20" s="7"/>
      <c r="L20" s="7" t="s">
        <v>114</v>
      </c>
      <c r="M20" s="5"/>
      <c r="N20" s="5"/>
      <c r="O20" s="5"/>
      <c r="P20" s="5"/>
      <c r="Q20" s="5"/>
      <c r="R20" s="5"/>
      <c r="S20" s="5"/>
      <c r="T20" s="5"/>
      <c r="U20" s="5"/>
      <c r="V20" s="5"/>
      <c r="W20" s="5"/>
      <c r="X20" s="5"/>
    </row>
    <row r="21" spans="1:24" ht="15.2" customHeight="1">
      <c r="A21" s="7" t="s">
        <v>13</v>
      </c>
      <c r="B21" s="7" t="s">
        <v>115</v>
      </c>
      <c r="C21" s="7"/>
      <c r="D21" s="7" t="s">
        <v>116</v>
      </c>
      <c r="E21" s="7" t="s">
        <v>50</v>
      </c>
      <c r="F21" s="7" t="s">
        <v>117</v>
      </c>
      <c r="G21" s="7">
        <v>4</v>
      </c>
      <c r="H21" s="7" t="s">
        <v>52</v>
      </c>
      <c r="I21" s="7">
        <v>2020</v>
      </c>
      <c r="J21" s="7" t="s">
        <v>53</v>
      </c>
      <c r="K21" s="7"/>
      <c r="L21" s="7" t="s">
        <v>118</v>
      </c>
    </row>
    <row r="22" spans="1:24" ht="15.2" customHeight="1">
      <c r="A22" s="7" t="s">
        <v>13</v>
      </c>
      <c r="B22" s="7" t="s">
        <v>119</v>
      </c>
      <c r="C22" s="7" t="s">
        <v>120</v>
      </c>
      <c r="D22" s="7" t="s">
        <v>121</v>
      </c>
      <c r="E22" s="7" t="s">
        <v>50</v>
      </c>
      <c r="F22" s="7" t="s">
        <v>122</v>
      </c>
      <c r="G22" s="7">
        <v>3</v>
      </c>
      <c r="H22" s="7" t="s">
        <v>36</v>
      </c>
      <c r="I22" s="7">
        <v>2018</v>
      </c>
      <c r="J22" s="7" t="s">
        <v>63</v>
      </c>
      <c r="K22" s="7"/>
      <c r="L22" s="7" t="s">
        <v>123</v>
      </c>
    </row>
    <row r="23" spans="1:24" ht="15.2" customHeight="1">
      <c r="A23" s="7" t="s">
        <v>13</v>
      </c>
      <c r="B23" s="7" t="s">
        <v>124</v>
      </c>
      <c r="C23" s="7" t="s">
        <v>125</v>
      </c>
      <c r="D23" s="7" t="s">
        <v>126</v>
      </c>
      <c r="E23" s="7" t="s">
        <v>50</v>
      </c>
      <c r="F23" s="7" t="s">
        <v>127</v>
      </c>
      <c r="G23" s="7">
        <v>4</v>
      </c>
      <c r="H23" s="7" t="s">
        <v>36</v>
      </c>
      <c r="I23" s="7">
        <v>2018</v>
      </c>
      <c r="J23" s="7" t="s">
        <v>63</v>
      </c>
      <c r="K23" s="7"/>
      <c r="L23" s="7" t="s">
        <v>128</v>
      </c>
    </row>
    <row r="24" spans="1:24" ht="15.2" customHeight="1">
      <c r="A24" s="7" t="s">
        <v>13</v>
      </c>
      <c r="B24" s="7" t="s">
        <v>129</v>
      </c>
      <c r="C24" s="7"/>
      <c r="D24" s="7" t="s">
        <v>49</v>
      </c>
      <c r="E24" s="7" t="s">
        <v>50</v>
      </c>
      <c r="F24" s="7" t="s">
        <v>51</v>
      </c>
      <c r="G24" s="7">
        <v>2</v>
      </c>
      <c r="H24" s="7" t="s">
        <v>52</v>
      </c>
      <c r="I24" s="7">
        <v>2020</v>
      </c>
      <c r="J24" s="7" t="s">
        <v>53</v>
      </c>
      <c r="K24" s="7"/>
      <c r="L24" s="7" t="s">
        <v>54</v>
      </c>
    </row>
    <row r="25" spans="1:24" ht="15.2" customHeight="1">
      <c r="A25" s="7" t="s">
        <v>13</v>
      </c>
      <c r="B25" s="7" t="s">
        <v>130</v>
      </c>
      <c r="C25" s="7"/>
      <c r="D25" s="7" t="s">
        <v>56</v>
      </c>
      <c r="E25" s="7" t="s">
        <v>50</v>
      </c>
      <c r="F25" s="7" t="s">
        <v>57</v>
      </c>
      <c r="G25" s="7">
        <v>7</v>
      </c>
      <c r="H25" s="7" t="s">
        <v>52</v>
      </c>
      <c r="I25" s="7">
        <v>2020</v>
      </c>
      <c r="J25" s="7" t="s">
        <v>53</v>
      </c>
      <c r="K25" s="7"/>
      <c r="L25" s="7" t="s">
        <v>58</v>
      </c>
    </row>
    <row r="26" spans="1:24" ht="15.2" customHeight="1">
      <c r="A26" s="7" t="s">
        <v>13</v>
      </c>
      <c r="B26" s="7" t="s">
        <v>131</v>
      </c>
      <c r="C26" s="7" t="s">
        <v>60</v>
      </c>
      <c r="D26" s="7" t="s">
        <v>61</v>
      </c>
      <c r="E26" s="7" t="s">
        <v>50</v>
      </c>
      <c r="F26" s="7" t="s">
        <v>62</v>
      </c>
      <c r="G26" s="7">
        <v>1</v>
      </c>
      <c r="H26" s="7" t="s">
        <v>36</v>
      </c>
      <c r="I26" s="7">
        <v>2018</v>
      </c>
      <c r="J26" s="7" t="s">
        <v>63</v>
      </c>
      <c r="K26" s="7"/>
      <c r="L26" s="7" t="s">
        <v>64</v>
      </c>
    </row>
    <row r="27" spans="1:24" ht="15.2" customHeight="1">
      <c r="A27" s="7" t="s">
        <v>13</v>
      </c>
      <c r="B27" s="7" t="s">
        <v>132</v>
      </c>
      <c r="C27" s="7" t="s">
        <v>66</v>
      </c>
      <c r="D27" s="7" t="s">
        <v>67</v>
      </c>
      <c r="E27" s="7" t="s">
        <v>50</v>
      </c>
      <c r="F27" s="7" t="s">
        <v>68</v>
      </c>
      <c r="G27" s="7">
        <v>2</v>
      </c>
      <c r="H27" s="7" t="s">
        <v>36</v>
      </c>
      <c r="I27" s="7">
        <v>2018</v>
      </c>
      <c r="J27" s="7" t="s">
        <v>63</v>
      </c>
      <c r="K27" s="7"/>
      <c r="L27" s="7" t="s">
        <v>69</v>
      </c>
    </row>
    <row r="28" spans="1:24" ht="15.2" customHeight="1">
      <c r="A28" s="7" t="s">
        <v>13</v>
      </c>
      <c r="B28" s="7" t="s">
        <v>133</v>
      </c>
      <c r="C28" s="7" t="s">
        <v>22</v>
      </c>
      <c r="D28" s="7" t="s">
        <v>23</v>
      </c>
      <c r="E28" s="7" t="s">
        <v>24</v>
      </c>
      <c r="F28" s="7" t="s">
        <v>25</v>
      </c>
      <c r="G28" s="7">
        <v>14</v>
      </c>
      <c r="H28" s="7" t="s">
        <v>18</v>
      </c>
      <c r="I28" s="7">
        <v>2015</v>
      </c>
      <c r="J28" s="7" t="s">
        <v>19</v>
      </c>
      <c r="K28" s="7"/>
      <c r="L28" s="7" t="s">
        <v>26</v>
      </c>
    </row>
    <row r="29" spans="1:24" ht="15.2" customHeight="1">
      <c r="A29" s="7" t="s">
        <v>13</v>
      </c>
      <c r="B29" s="7" t="s">
        <v>134</v>
      </c>
      <c r="C29" s="7" t="s">
        <v>28</v>
      </c>
      <c r="D29" s="7" t="s">
        <v>23</v>
      </c>
      <c r="E29" s="7" t="s">
        <v>24</v>
      </c>
      <c r="F29" s="7" t="s">
        <v>29</v>
      </c>
      <c r="G29" s="7">
        <v>8</v>
      </c>
      <c r="H29" s="7" t="s">
        <v>18</v>
      </c>
      <c r="I29" s="7">
        <v>2015</v>
      </c>
      <c r="J29" s="7" t="s">
        <v>19</v>
      </c>
      <c r="K29" s="7"/>
      <c r="L29" s="7" t="s">
        <v>30</v>
      </c>
    </row>
    <row r="30" spans="1:24" ht="15.2" customHeight="1">
      <c r="A30" s="7" t="s">
        <v>13</v>
      </c>
      <c r="B30" s="7" t="s">
        <v>135</v>
      </c>
      <c r="C30" s="7" t="s">
        <v>136</v>
      </c>
      <c r="D30" s="7" t="s">
        <v>137</v>
      </c>
      <c r="E30" s="7" t="s">
        <v>138</v>
      </c>
      <c r="F30" s="7" t="s">
        <v>139</v>
      </c>
      <c r="G30" s="7">
        <v>1</v>
      </c>
      <c r="H30" s="7" t="s">
        <v>96</v>
      </c>
      <c r="I30" s="7">
        <v>2010</v>
      </c>
      <c r="J30" s="7" t="s">
        <v>63</v>
      </c>
      <c r="K30" s="7"/>
      <c r="L30" s="7" t="s">
        <v>140</v>
      </c>
    </row>
    <row r="31" spans="1:24" ht="15.2" customHeight="1">
      <c r="A31" s="7" t="s">
        <v>13</v>
      </c>
      <c r="B31" s="7" t="s">
        <v>141</v>
      </c>
      <c r="C31" s="7" t="s">
        <v>142</v>
      </c>
      <c r="D31" s="7" t="s">
        <v>143</v>
      </c>
      <c r="E31" s="7" t="s">
        <v>138</v>
      </c>
      <c r="F31" s="7" t="s">
        <v>144</v>
      </c>
      <c r="G31" s="7">
        <v>2</v>
      </c>
      <c r="H31" s="7" t="s">
        <v>145</v>
      </c>
      <c r="I31" s="7">
        <v>2010</v>
      </c>
      <c r="J31" s="7" t="s">
        <v>63</v>
      </c>
      <c r="K31" s="7"/>
      <c r="L31" s="7" t="s">
        <v>146</v>
      </c>
    </row>
    <row r="32" spans="1:24" ht="15.2" customHeight="1">
      <c r="A32" s="7" t="s">
        <v>13</v>
      </c>
      <c r="B32" s="7" t="s">
        <v>147</v>
      </c>
      <c r="C32" s="7"/>
      <c r="D32" s="7" t="s">
        <v>71</v>
      </c>
      <c r="E32" s="7" t="s">
        <v>72</v>
      </c>
      <c r="F32" s="7" t="s">
        <v>73</v>
      </c>
      <c r="G32" s="7">
        <v>8</v>
      </c>
      <c r="H32" s="7" t="s">
        <v>52</v>
      </c>
      <c r="I32" s="7">
        <v>2020</v>
      </c>
      <c r="J32" s="7" t="s">
        <v>63</v>
      </c>
      <c r="K32" s="7"/>
      <c r="L32" s="7" t="s">
        <v>74</v>
      </c>
    </row>
    <row r="33" spans="1:12" ht="15.2" customHeight="1">
      <c r="A33" s="7" t="s">
        <v>148</v>
      </c>
      <c r="B33" s="7" t="s">
        <v>14</v>
      </c>
      <c r="C33" s="7" t="s">
        <v>149</v>
      </c>
      <c r="D33" s="7" t="s">
        <v>16</v>
      </c>
      <c r="E33" s="7" t="s">
        <v>16</v>
      </c>
      <c r="F33" s="7" t="s">
        <v>150</v>
      </c>
      <c r="G33" s="7">
        <v>24</v>
      </c>
      <c r="H33" s="7" t="s">
        <v>18</v>
      </c>
      <c r="I33" s="7">
        <v>2015</v>
      </c>
      <c r="J33" s="7" t="s">
        <v>19</v>
      </c>
      <c r="K33" s="7"/>
      <c r="L33" s="7" t="s">
        <v>20</v>
      </c>
    </row>
    <row r="34" spans="1:12" ht="15.2" customHeight="1">
      <c r="A34" s="7" t="s">
        <v>148</v>
      </c>
      <c r="B34" s="7" t="s">
        <v>21</v>
      </c>
      <c r="C34" s="7" t="s">
        <v>151</v>
      </c>
      <c r="D34" s="7" t="s">
        <v>23</v>
      </c>
      <c r="E34" s="7" t="s">
        <v>24</v>
      </c>
      <c r="F34" s="7" t="s">
        <v>152</v>
      </c>
      <c r="G34" s="7">
        <v>9</v>
      </c>
      <c r="H34" s="7" t="s">
        <v>18</v>
      </c>
      <c r="I34" s="7">
        <v>2015</v>
      </c>
      <c r="J34" s="7" t="s">
        <v>19</v>
      </c>
      <c r="K34" s="7"/>
      <c r="L34" s="7" t="s">
        <v>26</v>
      </c>
    </row>
    <row r="35" spans="1:12" ht="15.2" customHeight="1">
      <c r="A35" s="7" t="s">
        <v>148</v>
      </c>
      <c r="B35" s="7" t="s">
        <v>27</v>
      </c>
      <c r="C35" s="7" t="s">
        <v>153</v>
      </c>
      <c r="D35" s="7" t="s">
        <v>23</v>
      </c>
      <c r="E35" s="7" t="s">
        <v>24</v>
      </c>
      <c r="F35" s="7" t="s">
        <v>154</v>
      </c>
      <c r="G35" s="7">
        <v>10</v>
      </c>
      <c r="H35" s="7" t="s">
        <v>18</v>
      </c>
      <c r="I35" s="7">
        <v>2015</v>
      </c>
      <c r="J35" s="7" t="s">
        <v>19</v>
      </c>
      <c r="K35" s="7"/>
      <c r="L35" s="7" t="s">
        <v>26</v>
      </c>
    </row>
    <row r="36" spans="1:12" ht="15.2" customHeight="1">
      <c r="A36" s="7" t="s">
        <v>148</v>
      </c>
      <c r="B36" s="7" t="s">
        <v>31</v>
      </c>
      <c r="C36" s="7" t="s">
        <v>155</v>
      </c>
      <c r="D36" s="7" t="s">
        <v>156</v>
      </c>
      <c r="E36" s="7" t="s">
        <v>157</v>
      </c>
      <c r="F36" s="7" t="s">
        <v>158</v>
      </c>
      <c r="G36" s="7">
        <v>1</v>
      </c>
      <c r="H36" s="7" t="s">
        <v>36</v>
      </c>
      <c r="I36" s="7">
        <v>2018</v>
      </c>
      <c r="J36" s="7" t="s">
        <v>19</v>
      </c>
      <c r="K36" s="7"/>
      <c r="L36" s="7" t="s">
        <v>159</v>
      </c>
    </row>
    <row r="37" spans="1:12" ht="15.2" customHeight="1">
      <c r="A37" s="7" t="s">
        <v>148</v>
      </c>
      <c r="B37" s="7" t="s">
        <v>38</v>
      </c>
      <c r="C37" s="7" t="s">
        <v>160</v>
      </c>
      <c r="D37" s="7" t="s">
        <v>161</v>
      </c>
      <c r="E37" s="7" t="s">
        <v>157</v>
      </c>
      <c r="F37" s="7" t="s">
        <v>162</v>
      </c>
      <c r="G37" s="7">
        <v>3</v>
      </c>
      <c r="H37" s="7" t="s">
        <v>36</v>
      </c>
      <c r="I37" s="7">
        <v>2018</v>
      </c>
      <c r="J37" s="7" t="s">
        <v>19</v>
      </c>
      <c r="K37" s="7"/>
      <c r="L37" s="7" t="s">
        <v>159</v>
      </c>
    </row>
    <row r="38" spans="1:12" ht="15.2" customHeight="1">
      <c r="A38" s="7" t="s">
        <v>148</v>
      </c>
      <c r="B38" s="7" t="s">
        <v>43</v>
      </c>
      <c r="C38" s="7" t="s">
        <v>163</v>
      </c>
      <c r="D38" s="7" t="s">
        <v>164</v>
      </c>
      <c r="E38" s="7" t="s">
        <v>157</v>
      </c>
      <c r="F38" s="7" t="s">
        <v>165</v>
      </c>
      <c r="G38" s="7">
        <v>5</v>
      </c>
      <c r="H38" s="7" t="s">
        <v>36</v>
      </c>
      <c r="I38" s="7">
        <v>2018</v>
      </c>
      <c r="J38" s="7" t="s">
        <v>19</v>
      </c>
      <c r="K38" s="7"/>
      <c r="L38" s="7" t="s">
        <v>159</v>
      </c>
    </row>
    <row r="39" spans="1:12" ht="15.2" customHeight="1">
      <c r="A39" s="7" t="s">
        <v>148</v>
      </c>
      <c r="B39" s="7" t="s">
        <v>48</v>
      </c>
      <c r="C39" s="7"/>
      <c r="D39" s="7" t="s">
        <v>166</v>
      </c>
      <c r="E39" s="7" t="s">
        <v>167</v>
      </c>
      <c r="F39" s="7" t="s">
        <v>168</v>
      </c>
      <c r="G39" s="7">
        <v>2</v>
      </c>
      <c r="H39" s="7" t="s">
        <v>52</v>
      </c>
      <c r="I39" s="7">
        <v>2020</v>
      </c>
      <c r="J39" s="7" t="s">
        <v>19</v>
      </c>
      <c r="K39" s="7"/>
      <c r="L39" s="7" t="s">
        <v>169</v>
      </c>
    </row>
    <row r="40" spans="1:12" ht="15.2" customHeight="1">
      <c r="A40" s="7" t="s">
        <v>148</v>
      </c>
      <c r="B40" s="7" t="s">
        <v>55</v>
      </c>
      <c r="C40" s="7"/>
      <c r="D40" s="7" t="s">
        <v>170</v>
      </c>
      <c r="E40" s="7" t="s">
        <v>167</v>
      </c>
      <c r="F40" s="7" t="s">
        <v>171</v>
      </c>
      <c r="G40" s="7">
        <v>5</v>
      </c>
      <c r="H40" s="7" t="s">
        <v>52</v>
      </c>
      <c r="I40" s="7">
        <v>2020</v>
      </c>
      <c r="J40" s="7" t="s">
        <v>19</v>
      </c>
      <c r="K40" s="7"/>
      <c r="L40" s="7" t="s">
        <v>172</v>
      </c>
    </row>
    <row r="41" spans="1:12" ht="15.2" customHeight="1">
      <c r="A41" s="7" t="s">
        <v>148</v>
      </c>
      <c r="B41" s="7" t="s">
        <v>59</v>
      </c>
      <c r="C41" s="7" t="s">
        <v>173</v>
      </c>
      <c r="D41" s="7" t="s">
        <v>174</v>
      </c>
      <c r="E41" s="7" t="s">
        <v>175</v>
      </c>
      <c r="F41" s="7" t="s">
        <v>176</v>
      </c>
      <c r="G41" s="7">
        <v>3</v>
      </c>
      <c r="H41" s="7" t="s">
        <v>36</v>
      </c>
      <c r="I41" s="7">
        <v>2020</v>
      </c>
      <c r="J41" s="7" t="s">
        <v>19</v>
      </c>
      <c r="K41" s="7"/>
      <c r="L41" s="7" t="s">
        <v>177</v>
      </c>
    </row>
    <row r="42" spans="1:12" ht="15.2" customHeight="1">
      <c r="A42" s="7" t="s">
        <v>148</v>
      </c>
      <c r="B42" s="7" t="s">
        <v>65</v>
      </c>
      <c r="C42" s="7" t="s">
        <v>178</v>
      </c>
      <c r="D42" s="7" t="s">
        <v>179</v>
      </c>
      <c r="E42" s="7" t="s">
        <v>180</v>
      </c>
      <c r="F42" s="7" t="s">
        <v>181</v>
      </c>
      <c r="G42" s="7">
        <v>1</v>
      </c>
      <c r="H42" s="7" t="s">
        <v>96</v>
      </c>
      <c r="I42" s="7">
        <v>2014</v>
      </c>
      <c r="J42" s="7" t="s">
        <v>63</v>
      </c>
      <c r="K42" s="7"/>
      <c r="L42" s="7" t="s">
        <v>182</v>
      </c>
    </row>
    <row r="43" spans="1:12" ht="15.2" customHeight="1">
      <c r="A43" s="7" t="s">
        <v>148</v>
      </c>
      <c r="B43" s="7" t="s">
        <v>70</v>
      </c>
      <c r="C43" s="7" t="s">
        <v>136</v>
      </c>
      <c r="D43" s="7" t="s">
        <v>137</v>
      </c>
      <c r="E43" s="7" t="s">
        <v>138</v>
      </c>
      <c r="F43" s="7" t="s">
        <v>139</v>
      </c>
      <c r="G43" s="7">
        <v>1</v>
      </c>
      <c r="H43" s="7" t="s">
        <v>96</v>
      </c>
      <c r="I43" s="7">
        <v>2010</v>
      </c>
      <c r="J43" s="7" t="s">
        <v>63</v>
      </c>
      <c r="K43" s="7"/>
      <c r="L43" s="7" t="s">
        <v>140</v>
      </c>
    </row>
    <row r="44" spans="1:12" ht="15.2" customHeight="1">
      <c r="A44" s="7" t="s">
        <v>148</v>
      </c>
      <c r="B44" s="7" t="s">
        <v>75</v>
      </c>
      <c r="C44" s="7" t="s">
        <v>142</v>
      </c>
      <c r="D44" s="7" t="s">
        <v>143</v>
      </c>
      <c r="E44" s="7" t="s">
        <v>138</v>
      </c>
      <c r="F44" s="7" t="s">
        <v>144</v>
      </c>
      <c r="G44" s="7">
        <v>2</v>
      </c>
      <c r="H44" s="7" t="s">
        <v>145</v>
      </c>
      <c r="I44" s="7">
        <v>2010</v>
      </c>
      <c r="J44" s="7" t="s">
        <v>63</v>
      </c>
      <c r="K44" s="7"/>
      <c r="L44" s="7" t="s">
        <v>146</v>
      </c>
    </row>
    <row r="45" spans="1:12" ht="15.2" customHeight="1">
      <c r="A45" s="7" t="s">
        <v>148</v>
      </c>
      <c r="B45" s="7" t="s">
        <v>79</v>
      </c>
      <c r="C45" s="7" t="s">
        <v>183</v>
      </c>
      <c r="D45" s="7" t="s">
        <v>184</v>
      </c>
      <c r="E45" s="7" t="s">
        <v>138</v>
      </c>
      <c r="F45" s="7" t="s">
        <v>185</v>
      </c>
      <c r="G45" s="7">
        <v>3</v>
      </c>
      <c r="H45" s="7" t="s">
        <v>96</v>
      </c>
      <c r="I45" s="7">
        <v>2010</v>
      </c>
      <c r="J45" s="7" t="s">
        <v>63</v>
      </c>
      <c r="K45" s="7"/>
      <c r="L45" s="7" t="s">
        <v>186</v>
      </c>
    </row>
    <row r="46" spans="1:12" ht="15.2" customHeight="1">
      <c r="A46" s="7" t="s">
        <v>148</v>
      </c>
      <c r="B46" s="7" t="s">
        <v>85</v>
      </c>
      <c r="C46" s="7" t="s">
        <v>187</v>
      </c>
      <c r="D46" s="7" t="s">
        <v>188</v>
      </c>
      <c r="E46" s="7" t="s">
        <v>138</v>
      </c>
      <c r="F46" s="7" t="s">
        <v>189</v>
      </c>
      <c r="G46" s="7">
        <v>4</v>
      </c>
      <c r="H46" s="7" t="s">
        <v>96</v>
      </c>
      <c r="I46" s="7">
        <v>2010</v>
      </c>
      <c r="J46" s="7" t="s">
        <v>63</v>
      </c>
      <c r="K46" s="7"/>
      <c r="L46" s="7" t="s">
        <v>190</v>
      </c>
    </row>
    <row r="47" spans="1:12" ht="15.2" customHeight="1">
      <c r="A47" s="7" t="s">
        <v>148</v>
      </c>
      <c r="B47" s="7" t="s">
        <v>91</v>
      </c>
      <c r="C47" s="7"/>
      <c r="D47" s="7" t="s">
        <v>191</v>
      </c>
      <c r="E47" s="7" t="s">
        <v>72</v>
      </c>
      <c r="F47" s="7" t="s">
        <v>192</v>
      </c>
      <c r="G47" s="7">
        <v>7</v>
      </c>
      <c r="H47" s="7" t="s">
        <v>145</v>
      </c>
      <c r="I47" s="7">
        <v>2020</v>
      </c>
      <c r="J47" s="7" t="s">
        <v>63</v>
      </c>
      <c r="K47" s="7"/>
      <c r="L47" s="7" t="s">
        <v>193</v>
      </c>
    </row>
    <row r="48" spans="1:12" ht="15.2" customHeight="1">
      <c r="A48" s="7" t="s">
        <v>148</v>
      </c>
      <c r="B48" s="7" t="s">
        <v>98</v>
      </c>
      <c r="C48" s="7"/>
      <c r="D48" s="7" t="s">
        <v>194</v>
      </c>
      <c r="E48" s="7" t="s">
        <v>72</v>
      </c>
      <c r="F48" s="7" t="s">
        <v>195</v>
      </c>
      <c r="G48" s="7">
        <v>3</v>
      </c>
      <c r="H48" s="7" t="s">
        <v>145</v>
      </c>
      <c r="I48" s="7">
        <v>2020</v>
      </c>
      <c r="J48" s="7" t="s">
        <v>63</v>
      </c>
      <c r="K48" s="7"/>
      <c r="L48" s="7" t="s">
        <v>196</v>
      </c>
    </row>
    <row r="49" spans="1:12" ht="15.2" customHeight="1">
      <c r="A49" s="7" t="s">
        <v>148</v>
      </c>
      <c r="B49" s="7" t="s">
        <v>197</v>
      </c>
      <c r="C49" s="7" t="s">
        <v>198</v>
      </c>
      <c r="D49" s="7" t="s">
        <v>199</v>
      </c>
      <c r="E49" s="7" t="s">
        <v>200</v>
      </c>
      <c r="F49" s="7" t="s">
        <v>201</v>
      </c>
      <c r="G49" s="7">
        <v>2</v>
      </c>
      <c r="H49" s="7" t="s">
        <v>96</v>
      </c>
      <c r="I49" s="7">
        <v>2016</v>
      </c>
      <c r="J49" s="7" t="s">
        <v>202</v>
      </c>
      <c r="K49" s="7"/>
      <c r="L49" s="7" t="s">
        <v>203</v>
      </c>
    </row>
    <row r="50" spans="1:12" ht="15.2" customHeight="1">
      <c r="A50" s="7" t="s">
        <v>148</v>
      </c>
      <c r="B50" s="7" t="s">
        <v>105</v>
      </c>
      <c r="C50" s="7" t="s">
        <v>204</v>
      </c>
      <c r="D50" s="7" t="s">
        <v>205</v>
      </c>
      <c r="E50" s="7" t="s">
        <v>200</v>
      </c>
      <c r="F50" s="7" t="s">
        <v>206</v>
      </c>
      <c r="G50" s="7">
        <v>3</v>
      </c>
      <c r="H50" s="7" t="s">
        <v>96</v>
      </c>
      <c r="I50" s="7">
        <v>2016</v>
      </c>
      <c r="J50" s="7" t="s">
        <v>202</v>
      </c>
      <c r="K50" s="7"/>
      <c r="L50" s="7" t="s">
        <v>207</v>
      </c>
    </row>
    <row r="51" spans="1:12" ht="15.2" customHeight="1">
      <c r="A51" s="7" t="s">
        <v>148</v>
      </c>
      <c r="B51" s="7" t="s">
        <v>111</v>
      </c>
      <c r="C51" s="7"/>
      <c r="D51" s="7" t="s">
        <v>208</v>
      </c>
      <c r="E51" s="7" t="s">
        <v>167</v>
      </c>
      <c r="F51" s="7" t="s">
        <v>209</v>
      </c>
      <c r="G51" s="7">
        <v>7</v>
      </c>
      <c r="H51" s="7" t="s">
        <v>52</v>
      </c>
      <c r="I51" s="7">
        <v>2020</v>
      </c>
      <c r="J51" s="7" t="s">
        <v>19</v>
      </c>
      <c r="K51" s="7"/>
      <c r="L51" s="7" t="s">
        <v>210</v>
      </c>
    </row>
    <row r="52" spans="1:12" ht="15.2" customHeight="1">
      <c r="A52" s="7" t="s">
        <v>148</v>
      </c>
      <c r="B52" s="7" t="s">
        <v>115</v>
      </c>
      <c r="C52" s="7"/>
      <c r="D52" s="7" t="s">
        <v>211</v>
      </c>
      <c r="E52" s="7" t="s">
        <v>167</v>
      </c>
      <c r="F52" s="7" t="s">
        <v>212</v>
      </c>
      <c r="G52" s="7">
        <v>8</v>
      </c>
      <c r="H52" s="7" t="s">
        <v>52</v>
      </c>
      <c r="I52" s="7">
        <v>2020</v>
      </c>
      <c r="J52" s="7" t="s">
        <v>19</v>
      </c>
      <c r="K52" s="7"/>
      <c r="L52" s="7" t="s">
        <v>213</v>
      </c>
    </row>
    <row r="53" spans="1:12" ht="15.2" customHeight="1">
      <c r="A53" s="7" t="s">
        <v>148</v>
      </c>
      <c r="B53" s="7" t="s">
        <v>119</v>
      </c>
      <c r="C53" s="7" t="s">
        <v>214</v>
      </c>
      <c r="D53" s="7" t="s">
        <v>215</v>
      </c>
      <c r="E53" s="7" t="s">
        <v>175</v>
      </c>
      <c r="F53" s="7" t="s">
        <v>216</v>
      </c>
      <c r="G53" s="7">
        <v>4</v>
      </c>
      <c r="H53" s="7" t="s">
        <v>36</v>
      </c>
      <c r="I53" s="7">
        <v>2020</v>
      </c>
      <c r="J53" s="7" t="s">
        <v>19</v>
      </c>
      <c r="K53" s="7"/>
      <c r="L53" s="7" t="s">
        <v>217</v>
      </c>
    </row>
    <row r="54" spans="1:12" ht="15.2" customHeight="1">
      <c r="A54" s="7" t="s">
        <v>148</v>
      </c>
      <c r="B54" s="7" t="s">
        <v>124</v>
      </c>
      <c r="C54" s="7" t="s">
        <v>218</v>
      </c>
      <c r="D54" s="7" t="s">
        <v>219</v>
      </c>
      <c r="E54" s="7" t="s">
        <v>220</v>
      </c>
      <c r="F54" s="7" t="s">
        <v>220</v>
      </c>
      <c r="G54" s="7">
        <v>1</v>
      </c>
      <c r="H54" s="7" t="s">
        <v>96</v>
      </c>
      <c r="I54" s="7">
        <v>2019</v>
      </c>
      <c r="J54" s="7" t="s">
        <v>63</v>
      </c>
      <c r="K54" s="7"/>
      <c r="L54" s="7" t="s">
        <v>221</v>
      </c>
    </row>
    <row r="55" spans="1:12" ht="15.2" customHeight="1">
      <c r="A55" s="7" t="s">
        <v>148</v>
      </c>
      <c r="B55" s="7" t="s">
        <v>129</v>
      </c>
      <c r="C55" s="7"/>
      <c r="D55" s="7" t="s">
        <v>166</v>
      </c>
      <c r="E55" s="7" t="s">
        <v>167</v>
      </c>
      <c r="F55" s="7" t="s">
        <v>168</v>
      </c>
      <c r="G55" s="7">
        <v>2</v>
      </c>
      <c r="H55" s="7" t="s">
        <v>52</v>
      </c>
      <c r="I55" s="7">
        <v>2020</v>
      </c>
      <c r="J55" s="7" t="s">
        <v>19</v>
      </c>
      <c r="K55" s="7"/>
      <c r="L55" s="7" t="s">
        <v>169</v>
      </c>
    </row>
    <row r="56" spans="1:12" ht="15.2" customHeight="1">
      <c r="A56" s="7" t="s">
        <v>148</v>
      </c>
      <c r="B56" s="7" t="s">
        <v>130</v>
      </c>
      <c r="C56" s="7"/>
      <c r="D56" s="7" t="s">
        <v>170</v>
      </c>
      <c r="E56" s="7" t="s">
        <v>167</v>
      </c>
      <c r="F56" s="7" t="s">
        <v>171</v>
      </c>
      <c r="G56" s="7">
        <v>5</v>
      </c>
      <c r="H56" s="7" t="s">
        <v>52</v>
      </c>
      <c r="I56" s="7">
        <v>2020</v>
      </c>
      <c r="J56" s="7" t="s">
        <v>19</v>
      </c>
      <c r="K56" s="7"/>
      <c r="L56" s="7" t="s">
        <v>172</v>
      </c>
    </row>
    <row r="57" spans="1:12" ht="15.2" customHeight="1">
      <c r="A57" s="7" t="s">
        <v>148</v>
      </c>
      <c r="B57" s="7" t="s">
        <v>131</v>
      </c>
      <c r="C57" s="7" t="s">
        <v>173</v>
      </c>
      <c r="D57" s="7" t="s">
        <v>174</v>
      </c>
      <c r="E57" s="7" t="s">
        <v>175</v>
      </c>
      <c r="F57" s="7" t="s">
        <v>176</v>
      </c>
      <c r="G57" s="7">
        <v>3</v>
      </c>
      <c r="H57" s="7" t="s">
        <v>36</v>
      </c>
      <c r="I57" s="7">
        <v>2020</v>
      </c>
      <c r="J57" s="7" t="s">
        <v>19</v>
      </c>
      <c r="K57" s="7"/>
      <c r="L57" s="7" t="s">
        <v>177</v>
      </c>
    </row>
    <row r="58" spans="1:12" ht="15.2" customHeight="1">
      <c r="A58" s="7" t="s">
        <v>148</v>
      </c>
      <c r="B58" s="7" t="s">
        <v>132</v>
      </c>
      <c r="C58" s="7" t="s">
        <v>178</v>
      </c>
      <c r="D58" s="7" t="s">
        <v>179</v>
      </c>
      <c r="E58" s="7" t="s">
        <v>180</v>
      </c>
      <c r="F58" s="7" t="s">
        <v>181</v>
      </c>
      <c r="G58" s="7">
        <v>1</v>
      </c>
      <c r="H58" s="7" t="s">
        <v>96</v>
      </c>
      <c r="I58" s="7">
        <v>2014</v>
      </c>
      <c r="J58" s="7" t="s">
        <v>63</v>
      </c>
      <c r="K58" s="7"/>
      <c r="L58" s="7" t="s">
        <v>182</v>
      </c>
    </row>
    <row r="59" spans="1:12" ht="15.2" customHeight="1">
      <c r="A59" s="7" t="s">
        <v>148</v>
      </c>
      <c r="B59" s="7" t="s">
        <v>133</v>
      </c>
      <c r="C59" s="7" t="s">
        <v>151</v>
      </c>
      <c r="D59" s="7" t="s">
        <v>23</v>
      </c>
      <c r="E59" s="7" t="s">
        <v>24</v>
      </c>
      <c r="F59" s="7" t="s">
        <v>152</v>
      </c>
      <c r="G59" s="7">
        <v>9</v>
      </c>
      <c r="H59" s="7" t="s">
        <v>18</v>
      </c>
      <c r="I59" s="7">
        <v>2015</v>
      </c>
      <c r="J59" s="7" t="s">
        <v>19</v>
      </c>
      <c r="K59" s="7"/>
      <c r="L59" s="7" t="s">
        <v>26</v>
      </c>
    </row>
    <row r="60" spans="1:12" ht="15.2" customHeight="1">
      <c r="A60" s="7" t="s">
        <v>148</v>
      </c>
      <c r="B60" s="7" t="s">
        <v>134</v>
      </c>
      <c r="C60" s="7" t="s">
        <v>153</v>
      </c>
      <c r="D60" s="7" t="s">
        <v>23</v>
      </c>
      <c r="E60" s="7" t="s">
        <v>24</v>
      </c>
      <c r="F60" s="7" t="s">
        <v>154</v>
      </c>
      <c r="G60" s="7">
        <v>10</v>
      </c>
      <c r="H60" s="7" t="s">
        <v>18</v>
      </c>
      <c r="I60" s="7">
        <v>2015</v>
      </c>
      <c r="J60" s="7" t="s">
        <v>19</v>
      </c>
      <c r="K60" s="7"/>
      <c r="L60" s="7" t="s">
        <v>26</v>
      </c>
    </row>
    <row r="61" spans="1:12" ht="15.2" customHeight="1">
      <c r="A61" s="7" t="s">
        <v>148</v>
      </c>
      <c r="B61" s="7" t="s">
        <v>135</v>
      </c>
      <c r="C61" s="7"/>
      <c r="D61" s="7" t="s">
        <v>112</v>
      </c>
      <c r="E61" s="7" t="s">
        <v>50</v>
      </c>
      <c r="F61" s="7" t="s">
        <v>113</v>
      </c>
      <c r="G61" s="7">
        <v>10</v>
      </c>
      <c r="H61" s="7" t="s">
        <v>52</v>
      </c>
      <c r="I61" s="7">
        <v>2020</v>
      </c>
      <c r="J61" s="7" t="s">
        <v>53</v>
      </c>
      <c r="K61" s="7"/>
      <c r="L61" s="7" t="s">
        <v>114</v>
      </c>
    </row>
    <row r="62" spans="1:12" ht="15.2" customHeight="1">
      <c r="A62" s="7" t="s">
        <v>148</v>
      </c>
      <c r="B62" s="7" t="s">
        <v>141</v>
      </c>
      <c r="C62" s="7"/>
      <c r="D62" s="7" t="s">
        <v>116</v>
      </c>
      <c r="E62" s="7" t="s">
        <v>50</v>
      </c>
      <c r="F62" s="7" t="s">
        <v>117</v>
      </c>
      <c r="G62" s="7">
        <v>4</v>
      </c>
      <c r="H62" s="7" t="s">
        <v>52</v>
      </c>
      <c r="I62" s="7">
        <v>2020</v>
      </c>
      <c r="J62" s="7" t="s">
        <v>53</v>
      </c>
      <c r="K62" s="7"/>
      <c r="L62" s="7" t="s">
        <v>118</v>
      </c>
    </row>
    <row r="63" spans="1:12" ht="15.2" customHeight="1">
      <c r="A63" s="7" t="s">
        <v>148</v>
      </c>
      <c r="B63" s="7" t="s">
        <v>147</v>
      </c>
      <c r="C63" s="7" t="s">
        <v>80</v>
      </c>
      <c r="D63" s="7" t="s">
        <v>81</v>
      </c>
      <c r="E63" s="7" t="s">
        <v>82</v>
      </c>
      <c r="F63" s="7" t="s">
        <v>83</v>
      </c>
      <c r="G63" s="7">
        <v>1</v>
      </c>
      <c r="H63" s="7" t="s">
        <v>36</v>
      </c>
      <c r="I63" s="7">
        <v>2016</v>
      </c>
      <c r="J63" s="7" t="s">
        <v>63</v>
      </c>
      <c r="K63" s="7"/>
      <c r="L63" s="7" t="s">
        <v>84</v>
      </c>
    </row>
    <row r="64" spans="1:12" ht="15.2" customHeight="1">
      <c r="A64" s="7" t="s">
        <v>222</v>
      </c>
      <c r="B64" s="7" t="s">
        <v>14</v>
      </c>
      <c r="C64" s="7" t="s">
        <v>223</v>
      </c>
      <c r="D64" s="7" t="s">
        <v>16</v>
      </c>
      <c r="E64" s="7" t="s">
        <v>16</v>
      </c>
      <c r="F64" s="7" t="s">
        <v>224</v>
      </c>
      <c r="G64" s="7">
        <v>25</v>
      </c>
      <c r="H64" s="7" t="s">
        <v>18</v>
      </c>
      <c r="I64" s="7">
        <v>2015</v>
      </c>
      <c r="J64" s="7" t="s">
        <v>19</v>
      </c>
      <c r="K64" s="7"/>
      <c r="L64" s="7" t="s">
        <v>20</v>
      </c>
    </row>
    <row r="65" spans="1:12" ht="15.2" customHeight="1">
      <c r="A65" s="7" t="s">
        <v>222</v>
      </c>
      <c r="B65" s="7" t="s">
        <v>21</v>
      </c>
      <c r="C65" s="7" t="s">
        <v>225</v>
      </c>
      <c r="D65" s="7" t="s">
        <v>226</v>
      </c>
      <c r="E65" s="7" t="s">
        <v>227</v>
      </c>
      <c r="F65" s="7" t="s">
        <v>228</v>
      </c>
      <c r="G65" s="7">
        <v>1</v>
      </c>
      <c r="H65" s="7" t="s">
        <v>229</v>
      </c>
      <c r="I65" s="7">
        <v>2007</v>
      </c>
      <c r="J65" s="7" t="s">
        <v>19</v>
      </c>
      <c r="K65" s="7"/>
      <c r="L65" s="7" t="s">
        <v>230</v>
      </c>
    </row>
    <row r="66" spans="1:12" ht="15.2" customHeight="1">
      <c r="A66" s="7" t="s">
        <v>222</v>
      </c>
      <c r="B66" s="7" t="s">
        <v>27</v>
      </c>
      <c r="C66" s="7" t="s">
        <v>231</v>
      </c>
      <c r="D66" s="7" t="s">
        <v>226</v>
      </c>
      <c r="E66" s="7" t="s">
        <v>227</v>
      </c>
      <c r="F66" s="7" t="s">
        <v>232</v>
      </c>
      <c r="G66" s="7">
        <v>2</v>
      </c>
      <c r="H66" s="7" t="s">
        <v>229</v>
      </c>
      <c r="I66" s="7">
        <v>2007</v>
      </c>
      <c r="J66" s="7" t="s">
        <v>19</v>
      </c>
      <c r="K66" s="7"/>
      <c r="L66" s="7" t="s">
        <v>233</v>
      </c>
    </row>
    <row r="67" spans="1:12" ht="15.2" customHeight="1">
      <c r="A67" s="7" t="s">
        <v>222</v>
      </c>
      <c r="B67" s="7" t="s">
        <v>31</v>
      </c>
      <c r="C67" s="7" t="s">
        <v>234</v>
      </c>
      <c r="D67" s="7" t="s">
        <v>235</v>
      </c>
      <c r="E67" s="7" t="s">
        <v>236</v>
      </c>
      <c r="F67" s="7" t="s">
        <v>237</v>
      </c>
      <c r="G67" s="7">
        <v>7</v>
      </c>
      <c r="H67" s="7" t="s">
        <v>238</v>
      </c>
      <c r="I67" s="7">
        <v>2009</v>
      </c>
      <c r="J67" s="7" t="s">
        <v>53</v>
      </c>
      <c r="K67" s="7"/>
      <c r="L67" s="7" t="s">
        <v>239</v>
      </c>
    </row>
    <row r="68" spans="1:12" ht="15.2" customHeight="1">
      <c r="A68" s="7" t="s">
        <v>222</v>
      </c>
      <c r="B68" s="7" t="s">
        <v>38</v>
      </c>
      <c r="C68" s="7" t="s">
        <v>240</v>
      </c>
      <c r="D68" s="7" t="s">
        <v>241</v>
      </c>
      <c r="E68" s="7" t="s">
        <v>236</v>
      </c>
      <c r="F68" s="7" t="s">
        <v>242</v>
      </c>
      <c r="G68" s="7">
        <v>2</v>
      </c>
      <c r="H68" s="7" t="s">
        <v>238</v>
      </c>
      <c r="I68" s="7">
        <v>2009</v>
      </c>
      <c r="J68" s="7" t="s">
        <v>53</v>
      </c>
      <c r="K68" s="7"/>
      <c r="L68" s="7" t="s">
        <v>243</v>
      </c>
    </row>
    <row r="69" spans="1:12" ht="15.2" customHeight="1">
      <c r="A69" s="7" t="s">
        <v>222</v>
      </c>
      <c r="B69" s="7" t="s">
        <v>43</v>
      </c>
      <c r="C69" s="7" t="s">
        <v>244</v>
      </c>
      <c r="D69" s="7" t="s">
        <v>245</v>
      </c>
      <c r="E69" s="7" t="s">
        <v>246</v>
      </c>
      <c r="F69" s="7" t="s">
        <v>247</v>
      </c>
      <c r="G69" s="7">
        <v>5</v>
      </c>
      <c r="H69" s="7" t="s">
        <v>96</v>
      </c>
      <c r="I69" s="7">
        <v>2010</v>
      </c>
      <c r="J69" s="7" t="s">
        <v>63</v>
      </c>
      <c r="K69" s="7"/>
      <c r="L69" s="7" t="s">
        <v>248</v>
      </c>
    </row>
    <row r="70" spans="1:12" ht="15.2" customHeight="1">
      <c r="A70" s="7" t="s">
        <v>222</v>
      </c>
      <c r="B70" s="7" t="s">
        <v>48</v>
      </c>
      <c r="C70" s="7" t="s">
        <v>249</v>
      </c>
      <c r="D70" s="7" t="s">
        <v>250</v>
      </c>
      <c r="E70" s="7" t="s">
        <v>251</v>
      </c>
      <c r="F70" s="7" t="s">
        <v>252</v>
      </c>
      <c r="G70" s="7">
        <v>11</v>
      </c>
      <c r="H70" s="7" t="s">
        <v>253</v>
      </c>
      <c r="I70" s="7">
        <v>2012</v>
      </c>
      <c r="J70" s="7" t="s">
        <v>63</v>
      </c>
      <c r="K70" s="7"/>
      <c r="L70" s="7" t="s">
        <v>254</v>
      </c>
    </row>
    <row r="71" spans="1:12" ht="15.2" customHeight="1">
      <c r="A71" s="7" t="s">
        <v>222</v>
      </c>
      <c r="B71" s="7" t="s">
        <v>255</v>
      </c>
      <c r="C71" s="7" t="s">
        <v>256</v>
      </c>
      <c r="D71" s="7" t="s">
        <v>257</v>
      </c>
      <c r="E71" s="7" t="s">
        <v>251</v>
      </c>
      <c r="F71" s="7" t="s">
        <v>258</v>
      </c>
      <c r="G71" s="7">
        <v>12</v>
      </c>
      <c r="H71" s="7" t="s">
        <v>253</v>
      </c>
      <c r="I71" s="7">
        <v>2012</v>
      </c>
      <c r="J71" s="7" t="s">
        <v>63</v>
      </c>
      <c r="K71" s="7"/>
      <c r="L71" s="7" t="s">
        <v>259</v>
      </c>
    </row>
    <row r="72" spans="1:12" ht="15.2" customHeight="1">
      <c r="A72" s="7" t="s">
        <v>222</v>
      </c>
      <c r="B72" s="7" t="s">
        <v>55</v>
      </c>
      <c r="C72" s="7" t="s">
        <v>260</v>
      </c>
      <c r="D72" s="7" t="s">
        <v>261</v>
      </c>
      <c r="E72" s="7" t="s">
        <v>262</v>
      </c>
      <c r="F72" s="7" t="s">
        <v>263</v>
      </c>
      <c r="G72" s="7">
        <v>2</v>
      </c>
      <c r="H72" s="7" t="s">
        <v>264</v>
      </c>
      <c r="I72" s="7">
        <v>2017</v>
      </c>
      <c r="J72" s="7" t="s">
        <v>19</v>
      </c>
      <c r="K72" s="7"/>
      <c r="L72" s="7" t="s">
        <v>265</v>
      </c>
    </row>
    <row r="73" spans="1:12" ht="15.2" customHeight="1">
      <c r="A73" s="7" t="s">
        <v>222</v>
      </c>
      <c r="B73" s="7" t="s">
        <v>59</v>
      </c>
      <c r="C73" s="7" t="s">
        <v>266</v>
      </c>
      <c r="D73" s="7" t="s">
        <v>267</v>
      </c>
      <c r="E73" s="7" t="s">
        <v>262</v>
      </c>
      <c r="F73" s="7" t="s">
        <v>268</v>
      </c>
      <c r="G73" s="7">
        <v>9</v>
      </c>
      <c r="H73" s="7" t="s">
        <v>36</v>
      </c>
      <c r="I73" s="7">
        <v>2015</v>
      </c>
      <c r="J73" s="7" t="s">
        <v>19</v>
      </c>
      <c r="K73" s="7"/>
      <c r="L73" s="7" t="s">
        <v>269</v>
      </c>
    </row>
    <row r="74" spans="1:12" ht="15.2" customHeight="1">
      <c r="A74" s="7" t="s">
        <v>222</v>
      </c>
      <c r="B74" s="7" t="s">
        <v>65</v>
      </c>
      <c r="C74" s="7"/>
      <c r="D74" s="7" t="s">
        <v>270</v>
      </c>
      <c r="E74" s="7" t="s">
        <v>271</v>
      </c>
      <c r="F74" s="7" t="s">
        <v>272</v>
      </c>
      <c r="G74" s="7">
        <v>6</v>
      </c>
      <c r="H74" s="7" t="s">
        <v>273</v>
      </c>
      <c r="I74" s="7">
        <v>2020</v>
      </c>
      <c r="J74" s="7" t="s">
        <v>63</v>
      </c>
      <c r="K74" s="7"/>
      <c r="L74" s="7" t="s">
        <v>274</v>
      </c>
    </row>
    <row r="75" spans="1:12" ht="15.2" customHeight="1">
      <c r="A75" s="7" t="s">
        <v>222</v>
      </c>
      <c r="B75" s="7" t="s">
        <v>70</v>
      </c>
      <c r="C75" s="7" t="s">
        <v>275</v>
      </c>
      <c r="D75" s="7" t="s">
        <v>276</v>
      </c>
      <c r="E75" s="7" t="s">
        <v>271</v>
      </c>
      <c r="F75" s="7" t="s">
        <v>277</v>
      </c>
      <c r="G75" s="7">
        <v>7</v>
      </c>
      <c r="H75" s="7" t="s">
        <v>278</v>
      </c>
      <c r="I75" s="7">
        <v>2020</v>
      </c>
      <c r="J75" s="7" t="s">
        <v>63</v>
      </c>
      <c r="K75" s="7"/>
      <c r="L75" s="7" t="s">
        <v>279</v>
      </c>
    </row>
    <row r="76" spans="1:12" ht="15.2" customHeight="1">
      <c r="A76" s="7" t="s">
        <v>222</v>
      </c>
      <c r="B76" s="7" t="s">
        <v>75</v>
      </c>
      <c r="C76" s="7"/>
      <c r="D76" s="7" t="s">
        <v>280</v>
      </c>
      <c r="E76" s="7" t="s">
        <v>271</v>
      </c>
      <c r="F76" s="7" t="s">
        <v>281</v>
      </c>
      <c r="G76" s="7">
        <v>8</v>
      </c>
      <c r="H76" s="7" t="s">
        <v>278</v>
      </c>
      <c r="I76" s="7">
        <v>2020</v>
      </c>
      <c r="J76" s="7" t="s">
        <v>63</v>
      </c>
      <c r="K76" s="7"/>
      <c r="L76" s="7" t="s">
        <v>282</v>
      </c>
    </row>
    <row r="77" spans="1:12" ht="15.2" customHeight="1">
      <c r="A77" s="7" t="s">
        <v>222</v>
      </c>
      <c r="B77" s="7" t="s">
        <v>79</v>
      </c>
      <c r="C77" s="7"/>
      <c r="D77" s="7" t="s">
        <v>283</v>
      </c>
      <c r="E77" s="7" t="s">
        <v>271</v>
      </c>
      <c r="F77" s="7" t="s">
        <v>284</v>
      </c>
      <c r="G77" s="7">
        <v>9</v>
      </c>
      <c r="H77" s="7" t="s">
        <v>278</v>
      </c>
      <c r="I77" s="7">
        <v>2020</v>
      </c>
      <c r="J77" s="7" t="s">
        <v>63</v>
      </c>
      <c r="K77" s="7"/>
      <c r="L77" s="7" t="s">
        <v>285</v>
      </c>
    </row>
    <row r="78" spans="1:12" ht="15.2" customHeight="1">
      <c r="A78" s="7" t="s">
        <v>222</v>
      </c>
      <c r="B78" s="7" t="s">
        <v>85</v>
      </c>
      <c r="C78" s="7"/>
      <c r="D78" s="7" t="s">
        <v>286</v>
      </c>
      <c r="E78" s="7" t="s">
        <v>271</v>
      </c>
      <c r="F78" s="7" t="s">
        <v>287</v>
      </c>
      <c r="G78" s="7">
        <v>10</v>
      </c>
      <c r="H78" s="7" t="s">
        <v>278</v>
      </c>
      <c r="I78" s="7">
        <v>2020</v>
      </c>
      <c r="J78" s="7" t="s">
        <v>63</v>
      </c>
      <c r="K78" s="7"/>
      <c r="L78" s="7" t="s">
        <v>288</v>
      </c>
    </row>
    <row r="79" spans="1:12" ht="15.2" customHeight="1">
      <c r="A79" s="7" t="s">
        <v>222</v>
      </c>
      <c r="B79" s="7" t="s">
        <v>91</v>
      </c>
      <c r="C79" s="7" t="s">
        <v>289</v>
      </c>
      <c r="D79" s="7" t="s">
        <v>290</v>
      </c>
      <c r="E79" s="7" t="s">
        <v>291</v>
      </c>
      <c r="F79" s="7" t="s">
        <v>292</v>
      </c>
      <c r="G79" s="7">
        <v>3</v>
      </c>
      <c r="H79" s="7" t="s">
        <v>96</v>
      </c>
      <c r="I79" s="7">
        <v>2016</v>
      </c>
      <c r="J79" s="7" t="s">
        <v>293</v>
      </c>
      <c r="K79" s="7"/>
      <c r="L79" s="7" t="s">
        <v>294</v>
      </c>
    </row>
    <row r="80" spans="1:12" ht="15.2" customHeight="1">
      <c r="A80" s="7" t="s">
        <v>222</v>
      </c>
      <c r="B80" s="7" t="s">
        <v>98</v>
      </c>
      <c r="C80" s="7" t="s">
        <v>295</v>
      </c>
      <c r="D80" s="7" t="s">
        <v>296</v>
      </c>
      <c r="E80" s="7" t="s">
        <v>291</v>
      </c>
      <c r="F80" s="7" t="s">
        <v>297</v>
      </c>
      <c r="G80" s="7">
        <v>4</v>
      </c>
      <c r="H80" s="7" t="s">
        <v>96</v>
      </c>
      <c r="I80" s="7">
        <v>2016</v>
      </c>
      <c r="J80" s="7" t="s">
        <v>293</v>
      </c>
      <c r="K80" s="7"/>
      <c r="L80" s="7" t="s">
        <v>298</v>
      </c>
    </row>
    <row r="81" spans="1:24" ht="15.2" customHeight="1">
      <c r="A81" s="7" t="s">
        <v>222</v>
      </c>
      <c r="B81" s="7" t="s">
        <v>197</v>
      </c>
      <c r="C81" s="7"/>
      <c r="D81" s="7" t="s">
        <v>299</v>
      </c>
      <c r="E81" s="7" t="s">
        <v>300</v>
      </c>
      <c r="F81" s="7" t="s">
        <v>301</v>
      </c>
      <c r="G81" s="7">
        <v>7</v>
      </c>
      <c r="H81" s="7" t="s">
        <v>278</v>
      </c>
      <c r="I81" s="7">
        <v>2019</v>
      </c>
      <c r="J81" s="7" t="s">
        <v>302</v>
      </c>
      <c r="K81" s="7"/>
      <c r="L81" s="7" t="s">
        <v>303</v>
      </c>
    </row>
    <row r="82" spans="1:24" ht="15.2" customHeight="1">
      <c r="A82" s="7" t="s">
        <v>222</v>
      </c>
      <c r="B82" s="7" t="s">
        <v>105</v>
      </c>
      <c r="C82" s="7" t="s">
        <v>304</v>
      </c>
      <c r="D82" s="7" t="s">
        <v>305</v>
      </c>
      <c r="E82" s="7" t="s">
        <v>306</v>
      </c>
      <c r="F82" s="7" t="s">
        <v>307</v>
      </c>
      <c r="G82" s="7">
        <v>5</v>
      </c>
      <c r="H82" s="7" t="s">
        <v>96</v>
      </c>
      <c r="I82" s="7">
        <v>2012</v>
      </c>
      <c r="J82" s="7" t="s">
        <v>63</v>
      </c>
      <c r="K82" s="7"/>
      <c r="L82" s="7" t="s">
        <v>308</v>
      </c>
    </row>
    <row r="83" spans="1:24" s="1" customFormat="1" ht="14.25" customHeight="1">
      <c r="A83" s="7" t="s">
        <v>222</v>
      </c>
      <c r="B83" s="7" t="s">
        <v>111</v>
      </c>
      <c r="C83" s="7"/>
      <c r="D83" s="7" t="s">
        <v>309</v>
      </c>
      <c r="E83" s="7" t="s">
        <v>310</v>
      </c>
      <c r="F83" s="7" t="s">
        <v>311</v>
      </c>
      <c r="G83" s="7">
        <v>3</v>
      </c>
      <c r="H83" s="7" t="s">
        <v>52</v>
      </c>
      <c r="I83" s="7">
        <v>2020</v>
      </c>
      <c r="J83" s="7" t="s">
        <v>63</v>
      </c>
      <c r="K83" s="7"/>
      <c r="L83" s="7" t="s">
        <v>312</v>
      </c>
      <c r="M83" s="5"/>
      <c r="N83" s="5"/>
      <c r="O83" s="5"/>
      <c r="P83" s="5"/>
      <c r="Q83" s="5"/>
      <c r="R83" s="5"/>
      <c r="S83" s="5"/>
      <c r="T83" s="5"/>
      <c r="U83" s="5"/>
      <c r="V83" s="5"/>
      <c r="W83" s="5"/>
      <c r="X83" s="5"/>
    </row>
    <row r="84" spans="1:24" ht="15.2" customHeight="1">
      <c r="A84" s="7" t="s">
        <v>222</v>
      </c>
      <c r="B84" s="7" t="s">
        <v>115</v>
      </c>
      <c r="C84" s="7"/>
      <c r="D84" s="7" t="s">
        <v>313</v>
      </c>
      <c r="E84" s="7" t="s">
        <v>310</v>
      </c>
      <c r="F84" s="7" t="s">
        <v>314</v>
      </c>
      <c r="G84" s="7">
        <v>4</v>
      </c>
      <c r="H84" s="7" t="s">
        <v>52</v>
      </c>
      <c r="I84" s="7">
        <v>2020</v>
      </c>
      <c r="J84" s="7" t="s">
        <v>63</v>
      </c>
      <c r="K84" s="7"/>
      <c r="L84" s="7" t="s">
        <v>315</v>
      </c>
    </row>
    <row r="85" spans="1:24" ht="15.2" customHeight="1">
      <c r="A85" s="7" t="s">
        <v>222</v>
      </c>
      <c r="B85" s="7" t="s">
        <v>119</v>
      </c>
      <c r="C85" s="7" t="s">
        <v>316</v>
      </c>
      <c r="D85" s="7" t="s">
        <v>317</v>
      </c>
      <c r="E85" s="7" t="s">
        <v>318</v>
      </c>
      <c r="F85" s="7" t="s">
        <v>319</v>
      </c>
      <c r="G85" s="7">
        <v>3</v>
      </c>
      <c r="H85" s="7" t="s">
        <v>36</v>
      </c>
      <c r="I85" s="7">
        <v>2015</v>
      </c>
      <c r="J85" s="7" t="s">
        <v>63</v>
      </c>
      <c r="K85" s="7"/>
      <c r="L85" s="7" t="s">
        <v>320</v>
      </c>
    </row>
    <row r="86" spans="1:24" ht="15.2" customHeight="1">
      <c r="A86" s="7" t="s">
        <v>222</v>
      </c>
      <c r="B86" s="7" t="s">
        <v>124</v>
      </c>
      <c r="C86" s="7" t="s">
        <v>321</v>
      </c>
      <c r="D86" s="7" t="s">
        <v>322</v>
      </c>
      <c r="E86" s="7" t="s">
        <v>318</v>
      </c>
      <c r="F86" s="7" t="s">
        <v>323</v>
      </c>
      <c r="G86" s="7">
        <v>4</v>
      </c>
      <c r="H86" s="7" t="s">
        <v>264</v>
      </c>
      <c r="I86" s="7">
        <v>2015</v>
      </c>
      <c r="J86" s="7" t="s">
        <v>63</v>
      </c>
      <c r="K86" s="7"/>
      <c r="L86" s="7" t="s">
        <v>324</v>
      </c>
    </row>
    <row r="87" spans="1:24" ht="15.2" customHeight="1">
      <c r="A87" s="7" t="s">
        <v>222</v>
      </c>
      <c r="B87" s="7" t="s">
        <v>129</v>
      </c>
      <c r="C87" s="7"/>
      <c r="D87" s="7" t="s">
        <v>325</v>
      </c>
      <c r="E87" s="7" t="s">
        <v>310</v>
      </c>
      <c r="F87" s="7" t="s">
        <v>326</v>
      </c>
      <c r="G87" s="7">
        <v>1</v>
      </c>
      <c r="H87" s="7" t="s">
        <v>52</v>
      </c>
      <c r="I87" s="7">
        <v>2020</v>
      </c>
      <c r="J87" s="7" t="s">
        <v>63</v>
      </c>
      <c r="K87" s="7"/>
      <c r="L87" s="7" t="s">
        <v>327</v>
      </c>
    </row>
    <row r="88" spans="1:24" ht="15.2" customHeight="1">
      <c r="A88" s="7" t="s">
        <v>222</v>
      </c>
      <c r="B88" s="7" t="s">
        <v>130</v>
      </c>
      <c r="C88" s="7"/>
      <c r="D88" s="7" t="s">
        <v>328</v>
      </c>
      <c r="E88" s="7" t="s">
        <v>310</v>
      </c>
      <c r="F88" s="7" t="s">
        <v>329</v>
      </c>
      <c r="G88" s="7">
        <v>2</v>
      </c>
      <c r="H88" s="7" t="s">
        <v>52</v>
      </c>
      <c r="I88" s="7">
        <v>2020</v>
      </c>
      <c r="J88" s="7" t="s">
        <v>63</v>
      </c>
      <c r="K88" s="7"/>
      <c r="L88" s="7" t="s">
        <v>330</v>
      </c>
    </row>
    <row r="89" spans="1:24" ht="15.2" customHeight="1">
      <c r="A89" s="7" t="s">
        <v>222</v>
      </c>
      <c r="B89" s="7" t="s">
        <v>131</v>
      </c>
      <c r="C89" s="7" t="s">
        <v>331</v>
      </c>
      <c r="D89" s="7" t="s">
        <v>332</v>
      </c>
      <c r="E89" s="7" t="s">
        <v>318</v>
      </c>
      <c r="F89" s="7" t="s">
        <v>333</v>
      </c>
      <c r="G89" s="7">
        <v>1</v>
      </c>
      <c r="H89" s="7" t="s">
        <v>36</v>
      </c>
      <c r="I89" s="7">
        <v>2015</v>
      </c>
      <c r="J89" s="7" t="s">
        <v>63</v>
      </c>
      <c r="K89" s="7"/>
      <c r="L89" s="7" t="s">
        <v>334</v>
      </c>
    </row>
    <row r="90" spans="1:24" ht="15.2" customHeight="1">
      <c r="A90" s="7" t="s">
        <v>222</v>
      </c>
      <c r="B90" s="7" t="s">
        <v>132</v>
      </c>
      <c r="C90" s="7" t="s">
        <v>335</v>
      </c>
      <c r="D90" s="7" t="s">
        <v>336</v>
      </c>
      <c r="E90" s="7" t="s">
        <v>318</v>
      </c>
      <c r="F90" s="7" t="s">
        <v>337</v>
      </c>
      <c r="G90" s="7">
        <v>2</v>
      </c>
      <c r="H90" s="7" t="s">
        <v>36</v>
      </c>
      <c r="I90" s="7">
        <v>2015</v>
      </c>
      <c r="J90" s="7" t="s">
        <v>63</v>
      </c>
      <c r="K90" s="7"/>
      <c r="L90" s="7" t="s">
        <v>338</v>
      </c>
    </row>
    <row r="91" spans="1:24" ht="15.2" customHeight="1">
      <c r="A91" s="7" t="s">
        <v>222</v>
      </c>
      <c r="B91" s="7" t="s">
        <v>133</v>
      </c>
      <c r="C91" s="7" t="s">
        <v>225</v>
      </c>
      <c r="D91" s="7" t="s">
        <v>226</v>
      </c>
      <c r="E91" s="7" t="s">
        <v>227</v>
      </c>
      <c r="F91" s="7" t="s">
        <v>228</v>
      </c>
      <c r="G91" s="7">
        <v>1</v>
      </c>
      <c r="H91" s="7" t="s">
        <v>229</v>
      </c>
      <c r="I91" s="7">
        <v>2007</v>
      </c>
      <c r="J91" s="7" t="s">
        <v>19</v>
      </c>
      <c r="K91" s="7"/>
      <c r="L91" s="7" t="s">
        <v>230</v>
      </c>
    </row>
    <row r="92" spans="1:24" ht="15.2" customHeight="1">
      <c r="A92" s="7" t="s">
        <v>222</v>
      </c>
      <c r="B92" s="7" t="s">
        <v>134</v>
      </c>
      <c r="C92" s="7" t="s">
        <v>231</v>
      </c>
      <c r="D92" s="7" t="s">
        <v>226</v>
      </c>
      <c r="E92" s="7" t="s">
        <v>227</v>
      </c>
      <c r="F92" s="7" t="s">
        <v>232</v>
      </c>
      <c r="G92" s="7">
        <v>2</v>
      </c>
      <c r="H92" s="7" t="s">
        <v>229</v>
      </c>
      <c r="I92" s="7">
        <v>2007</v>
      </c>
      <c r="J92" s="7" t="s">
        <v>19</v>
      </c>
      <c r="K92" s="7"/>
      <c r="L92" s="7" t="s">
        <v>233</v>
      </c>
    </row>
    <row r="93" spans="1:24" ht="15.2" customHeight="1">
      <c r="A93" s="7" t="s">
        <v>222</v>
      </c>
      <c r="B93" s="7" t="s">
        <v>135</v>
      </c>
      <c r="C93" s="7" t="s">
        <v>244</v>
      </c>
      <c r="D93" s="7" t="s">
        <v>245</v>
      </c>
      <c r="E93" s="7" t="s">
        <v>246</v>
      </c>
      <c r="F93" s="7" t="s">
        <v>247</v>
      </c>
      <c r="G93" s="7">
        <v>5</v>
      </c>
      <c r="H93" s="7" t="s">
        <v>96</v>
      </c>
      <c r="I93" s="7">
        <v>2010</v>
      </c>
      <c r="J93" s="7" t="s">
        <v>63</v>
      </c>
      <c r="K93" s="7"/>
      <c r="L93" s="7" t="s">
        <v>248</v>
      </c>
    </row>
    <row r="94" spans="1:24" ht="15.2" customHeight="1">
      <c r="A94" s="7" t="s">
        <v>222</v>
      </c>
      <c r="B94" s="7" t="s">
        <v>141</v>
      </c>
      <c r="C94" s="7" t="s">
        <v>249</v>
      </c>
      <c r="D94" s="7" t="s">
        <v>250</v>
      </c>
      <c r="E94" s="7" t="s">
        <v>251</v>
      </c>
      <c r="F94" s="7" t="s">
        <v>252</v>
      </c>
      <c r="G94" s="7">
        <v>11</v>
      </c>
      <c r="H94" s="7" t="s">
        <v>253</v>
      </c>
      <c r="I94" s="7">
        <v>2012</v>
      </c>
      <c r="J94" s="7" t="s">
        <v>63</v>
      </c>
      <c r="K94" s="7"/>
      <c r="L94" s="7" t="s">
        <v>254</v>
      </c>
    </row>
    <row r="95" spans="1:24" ht="15.2" customHeight="1">
      <c r="A95" s="7" t="s">
        <v>222</v>
      </c>
      <c r="B95" s="7" t="s">
        <v>339</v>
      </c>
      <c r="C95" s="7" t="s">
        <v>256</v>
      </c>
      <c r="D95" s="7" t="s">
        <v>257</v>
      </c>
      <c r="E95" s="7" t="s">
        <v>251</v>
      </c>
      <c r="F95" s="7" t="s">
        <v>258</v>
      </c>
      <c r="G95" s="7">
        <v>12</v>
      </c>
      <c r="H95" s="7" t="s">
        <v>253</v>
      </c>
      <c r="I95" s="7">
        <v>2012</v>
      </c>
      <c r="J95" s="7" t="s">
        <v>63</v>
      </c>
      <c r="K95" s="7"/>
      <c r="L95" s="7" t="s">
        <v>259</v>
      </c>
    </row>
    <row r="96" spans="1:24" ht="15.2" customHeight="1">
      <c r="A96" s="7" t="s">
        <v>222</v>
      </c>
      <c r="B96" s="7" t="s">
        <v>147</v>
      </c>
      <c r="C96" s="7" t="s">
        <v>260</v>
      </c>
      <c r="D96" s="7" t="s">
        <v>261</v>
      </c>
      <c r="E96" s="7" t="s">
        <v>262</v>
      </c>
      <c r="F96" s="7" t="s">
        <v>263</v>
      </c>
      <c r="G96" s="7">
        <v>2</v>
      </c>
      <c r="H96" s="7" t="s">
        <v>264</v>
      </c>
      <c r="I96" s="7">
        <v>2017</v>
      </c>
      <c r="J96" s="7" t="s">
        <v>19</v>
      </c>
      <c r="K96" s="7"/>
      <c r="L96" s="7" t="s">
        <v>265</v>
      </c>
    </row>
    <row r="97" spans="1:12" ht="15.2" customHeight="1">
      <c r="A97" s="7" t="s">
        <v>340</v>
      </c>
      <c r="B97" s="7" t="s">
        <v>14</v>
      </c>
      <c r="C97" s="7" t="s">
        <v>341</v>
      </c>
      <c r="D97" s="7" t="s">
        <v>16</v>
      </c>
      <c r="E97" s="7" t="s">
        <v>16</v>
      </c>
      <c r="F97" s="7" t="s">
        <v>342</v>
      </c>
      <c r="G97" s="7">
        <v>26</v>
      </c>
      <c r="H97" s="7" t="s">
        <v>253</v>
      </c>
      <c r="I97" s="7">
        <v>2015</v>
      </c>
      <c r="J97" s="7" t="s">
        <v>19</v>
      </c>
      <c r="K97" s="7"/>
      <c r="L97" s="7" t="s">
        <v>20</v>
      </c>
    </row>
    <row r="98" spans="1:12" ht="15.2" customHeight="1">
      <c r="A98" s="7" t="s">
        <v>340</v>
      </c>
      <c r="B98" s="7" t="s">
        <v>21</v>
      </c>
      <c r="C98" s="7" t="s">
        <v>343</v>
      </c>
      <c r="D98" s="7" t="s">
        <v>226</v>
      </c>
      <c r="E98" s="7" t="s">
        <v>227</v>
      </c>
      <c r="F98" s="7" t="s">
        <v>344</v>
      </c>
      <c r="G98" s="7">
        <v>3</v>
      </c>
      <c r="H98" s="7" t="s">
        <v>229</v>
      </c>
      <c r="I98" s="7">
        <v>2007</v>
      </c>
      <c r="J98" s="7" t="s">
        <v>19</v>
      </c>
      <c r="K98" s="7"/>
      <c r="L98" s="7" t="s">
        <v>345</v>
      </c>
    </row>
    <row r="99" spans="1:12" ht="15.2" customHeight="1">
      <c r="A99" s="7" t="s">
        <v>340</v>
      </c>
      <c r="B99" s="7" t="s">
        <v>27</v>
      </c>
      <c r="C99" s="7" t="s">
        <v>346</v>
      </c>
      <c r="D99" s="7" t="s">
        <v>226</v>
      </c>
      <c r="E99" s="7" t="s">
        <v>227</v>
      </c>
      <c r="F99" s="7" t="s">
        <v>347</v>
      </c>
      <c r="G99" s="7">
        <v>4</v>
      </c>
      <c r="H99" s="7" t="s">
        <v>229</v>
      </c>
      <c r="I99" s="7">
        <v>2007</v>
      </c>
      <c r="J99" s="7" t="s">
        <v>19</v>
      </c>
      <c r="K99" s="7"/>
      <c r="L99" s="7" t="s">
        <v>348</v>
      </c>
    </row>
    <row r="100" spans="1:12" ht="15.2" customHeight="1">
      <c r="A100" s="7" t="s">
        <v>340</v>
      </c>
      <c r="B100" s="7" t="s">
        <v>31</v>
      </c>
      <c r="C100" s="7" t="s">
        <v>349</v>
      </c>
      <c r="D100" s="7" t="s">
        <v>350</v>
      </c>
      <c r="E100" s="7" t="s">
        <v>236</v>
      </c>
      <c r="F100" s="7" t="s">
        <v>351</v>
      </c>
      <c r="G100" s="7">
        <v>8</v>
      </c>
      <c r="H100" s="7" t="s">
        <v>352</v>
      </c>
      <c r="I100" s="7">
        <v>2009</v>
      </c>
      <c r="J100" s="7" t="s">
        <v>53</v>
      </c>
      <c r="K100" s="7"/>
      <c r="L100" s="7" t="s">
        <v>353</v>
      </c>
    </row>
    <row r="101" spans="1:12" ht="15.2" customHeight="1">
      <c r="A101" s="7" t="s">
        <v>340</v>
      </c>
      <c r="B101" s="7" t="s">
        <v>38</v>
      </c>
      <c r="C101" s="7" t="s">
        <v>354</v>
      </c>
      <c r="D101" s="7" t="s">
        <v>355</v>
      </c>
      <c r="E101" s="7" t="s">
        <v>236</v>
      </c>
      <c r="F101" s="7" t="s">
        <v>356</v>
      </c>
      <c r="G101" s="7">
        <v>3</v>
      </c>
      <c r="H101" s="7" t="s">
        <v>238</v>
      </c>
      <c r="I101" s="7">
        <v>2009</v>
      </c>
      <c r="J101" s="7" t="s">
        <v>53</v>
      </c>
      <c r="K101" s="7"/>
      <c r="L101" s="7" t="s">
        <v>357</v>
      </c>
    </row>
    <row r="102" spans="1:12" ht="15.2" customHeight="1">
      <c r="A102" s="7" t="s">
        <v>340</v>
      </c>
      <c r="B102" s="7" t="s">
        <v>43</v>
      </c>
      <c r="C102" s="7" t="s">
        <v>358</v>
      </c>
      <c r="D102" s="7" t="s">
        <v>359</v>
      </c>
      <c r="E102" s="7" t="s">
        <v>246</v>
      </c>
      <c r="F102" s="7" t="s">
        <v>360</v>
      </c>
      <c r="G102" s="7">
        <v>6</v>
      </c>
      <c r="H102" s="7" t="s">
        <v>96</v>
      </c>
      <c r="I102" s="7">
        <v>2010</v>
      </c>
      <c r="J102" s="7" t="s">
        <v>63</v>
      </c>
      <c r="K102" s="7"/>
      <c r="L102" s="7" t="s">
        <v>361</v>
      </c>
    </row>
    <row r="103" spans="1:12" ht="15.2" customHeight="1">
      <c r="A103" s="7" t="s">
        <v>340</v>
      </c>
      <c r="B103" s="7" t="s">
        <v>48</v>
      </c>
      <c r="C103" s="7" t="s">
        <v>362</v>
      </c>
      <c r="D103" s="7" t="s">
        <v>363</v>
      </c>
      <c r="E103" s="7" t="s">
        <v>246</v>
      </c>
      <c r="F103" s="7" t="s">
        <v>364</v>
      </c>
      <c r="G103" s="7">
        <v>1</v>
      </c>
      <c r="H103" s="7" t="s">
        <v>96</v>
      </c>
      <c r="I103" s="7">
        <v>2010</v>
      </c>
      <c r="J103" s="7" t="s">
        <v>63</v>
      </c>
      <c r="K103" s="7"/>
      <c r="L103" s="7" t="s">
        <v>365</v>
      </c>
    </row>
    <row r="104" spans="1:12" ht="15.2" customHeight="1">
      <c r="A104" s="7" t="s">
        <v>340</v>
      </c>
      <c r="B104" s="7" t="s">
        <v>55</v>
      </c>
      <c r="C104" s="7" t="s">
        <v>366</v>
      </c>
      <c r="D104" s="7" t="s">
        <v>367</v>
      </c>
      <c r="E104" s="7" t="s">
        <v>262</v>
      </c>
      <c r="F104" s="7" t="s">
        <v>368</v>
      </c>
      <c r="G104" s="7">
        <v>6</v>
      </c>
      <c r="H104" s="7" t="s">
        <v>36</v>
      </c>
      <c r="I104" s="7">
        <v>2017</v>
      </c>
      <c r="J104" s="7" t="s">
        <v>19</v>
      </c>
      <c r="K104" s="7"/>
      <c r="L104" s="7" t="s">
        <v>369</v>
      </c>
    </row>
    <row r="105" spans="1:12" ht="15.2" customHeight="1">
      <c r="A105" s="7" t="s">
        <v>340</v>
      </c>
      <c r="B105" s="7" t="s">
        <v>59</v>
      </c>
      <c r="C105" s="7" t="s">
        <v>370</v>
      </c>
      <c r="D105" s="7" t="s">
        <v>371</v>
      </c>
      <c r="E105" s="7" t="s">
        <v>262</v>
      </c>
      <c r="F105" s="7" t="s">
        <v>372</v>
      </c>
      <c r="G105" s="7">
        <v>4</v>
      </c>
      <c r="H105" s="7" t="s">
        <v>36</v>
      </c>
      <c r="I105" s="7">
        <v>2015</v>
      </c>
      <c r="J105" s="7" t="s">
        <v>19</v>
      </c>
      <c r="K105" s="7"/>
      <c r="L105" s="7" t="s">
        <v>373</v>
      </c>
    </row>
    <row r="106" spans="1:12" ht="15.2" customHeight="1">
      <c r="A106" s="7" t="s">
        <v>340</v>
      </c>
      <c r="B106" s="7" t="s">
        <v>65</v>
      </c>
      <c r="C106" s="7" t="s">
        <v>374</v>
      </c>
      <c r="D106" s="7" t="s">
        <v>375</v>
      </c>
      <c r="E106" s="7" t="s">
        <v>376</v>
      </c>
      <c r="F106" s="7" t="s">
        <v>377</v>
      </c>
      <c r="G106" s="7">
        <v>6</v>
      </c>
      <c r="H106" s="7" t="s">
        <v>36</v>
      </c>
      <c r="I106" s="7">
        <v>2014</v>
      </c>
      <c r="J106" s="7" t="s">
        <v>19</v>
      </c>
      <c r="K106" s="7"/>
      <c r="L106" s="7" t="s">
        <v>378</v>
      </c>
    </row>
    <row r="107" spans="1:12" ht="15.2" customHeight="1">
      <c r="A107" s="7" t="s">
        <v>340</v>
      </c>
      <c r="B107" s="7" t="s">
        <v>70</v>
      </c>
      <c r="C107" s="7" t="s">
        <v>379</v>
      </c>
      <c r="D107" s="7" t="s">
        <v>375</v>
      </c>
      <c r="E107" s="7" t="s">
        <v>376</v>
      </c>
      <c r="F107" s="7" t="s">
        <v>380</v>
      </c>
      <c r="G107" s="7">
        <v>7</v>
      </c>
      <c r="H107" s="7" t="s">
        <v>36</v>
      </c>
      <c r="I107" s="7">
        <v>2014</v>
      </c>
      <c r="J107" s="7" t="s">
        <v>19</v>
      </c>
      <c r="K107" s="7"/>
      <c r="L107" s="7" t="s">
        <v>381</v>
      </c>
    </row>
    <row r="108" spans="1:12" ht="15.2" customHeight="1">
      <c r="A108" s="7" t="s">
        <v>340</v>
      </c>
      <c r="B108" s="7" t="s">
        <v>75</v>
      </c>
      <c r="C108" s="7" t="s">
        <v>382</v>
      </c>
      <c r="D108" s="7" t="s">
        <v>383</v>
      </c>
      <c r="E108" s="7" t="s">
        <v>376</v>
      </c>
      <c r="F108" s="7" t="s">
        <v>384</v>
      </c>
      <c r="G108" s="7">
        <v>8</v>
      </c>
      <c r="H108" s="7" t="s">
        <v>36</v>
      </c>
      <c r="I108" s="7">
        <v>2014</v>
      </c>
      <c r="J108" s="7" t="s">
        <v>19</v>
      </c>
      <c r="K108" s="7"/>
      <c r="L108" s="7" t="s">
        <v>385</v>
      </c>
    </row>
    <row r="109" spans="1:12" ht="15.2" customHeight="1">
      <c r="A109" s="7" t="s">
        <v>340</v>
      </c>
      <c r="B109" s="7" t="s">
        <v>79</v>
      </c>
      <c r="C109" s="7" t="s">
        <v>386</v>
      </c>
      <c r="D109" s="7" t="s">
        <v>375</v>
      </c>
      <c r="E109" s="7" t="s">
        <v>376</v>
      </c>
      <c r="F109" s="7" t="s">
        <v>387</v>
      </c>
      <c r="G109" s="7">
        <v>9</v>
      </c>
      <c r="H109" s="7" t="s">
        <v>36</v>
      </c>
      <c r="I109" s="7">
        <v>2014</v>
      </c>
      <c r="J109" s="7" t="s">
        <v>19</v>
      </c>
      <c r="K109" s="7"/>
      <c r="L109" s="7" t="s">
        <v>388</v>
      </c>
    </row>
    <row r="110" spans="1:12" ht="15.2" customHeight="1">
      <c r="A110" s="7" t="s">
        <v>340</v>
      </c>
      <c r="B110" s="7" t="s">
        <v>85</v>
      </c>
      <c r="C110" s="7" t="s">
        <v>389</v>
      </c>
      <c r="D110" s="7" t="s">
        <v>375</v>
      </c>
      <c r="E110" s="7" t="s">
        <v>376</v>
      </c>
      <c r="F110" s="7" t="s">
        <v>390</v>
      </c>
      <c r="G110" s="7">
        <v>10</v>
      </c>
      <c r="H110" s="7" t="s">
        <v>36</v>
      </c>
      <c r="I110" s="7">
        <v>2014</v>
      </c>
      <c r="J110" s="7" t="s">
        <v>19</v>
      </c>
      <c r="K110" s="7"/>
      <c r="L110" s="7" t="s">
        <v>391</v>
      </c>
    </row>
    <row r="111" spans="1:12" ht="15.2" customHeight="1">
      <c r="A111" s="7" t="s">
        <v>340</v>
      </c>
      <c r="B111" s="7" t="s">
        <v>91</v>
      </c>
      <c r="C111" s="7" t="s">
        <v>392</v>
      </c>
      <c r="D111" s="7" t="s">
        <v>393</v>
      </c>
      <c r="E111" s="7" t="s">
        <v>291</v>
      </c>
      <c r="F111" s="7" t="s">
        <v>394</v>
      </c>
      <c r="G111" s="7">
        <v>2</v>
      </c>
      <c r="H111" s="7" t="s">
        <v>96</v>
      </c>
      <c r="I111" s="7">
        <v>2016</v>
      </c>
      <c r="J111" s="7" t="s">
        <v>293</v>
      </c>
      <c r="K111" s="7"/>
      <c r="L111" s="7" t="s">
        <v>395</v>
      </c>
    </row>
    <row r="112" spans="1:12" ht="15.2" customHeight="1">
      <c r="A112" s="7" t="s">
        <v>340</v>
      </c>
      <c r="B112" s="7" t="s">
        <v>98</v>
      </c>
      <c r="C112" s="7" t="s">
        <v>396</v>
      </c>
      <c r="D112" s="7" t="s">
        <v>397</v>
      </c>
      <c r="E112" s="7" t="s">
        <v>291</v>
      </c>
      <c r="F112" s="7" t="s">
        <v>398</v>
      </c>
      <c r="G112" s="7">
        <v>7</v>
      </c>
      <c r="H112" s="7" t="s">
        <v>36</v>
      </c>
      <c r="I112" s="7">
        <v>2016</v>
      </c>
      <c r="J112" s="7" t="s">
        <v>293</v>
      </c>
      <c r="K112" s="7"/>
      <c r="L112" s="7" t="s">
        <v>399</v>
      </c>
    </row>
    <row r="113" spans="1:24" ht="15.2" customHeight="1">
      <c r="A113" s="7" t="s">
        <v>340</v>
      </c>
      <c r="B113" s="7" t="s">
        <v>197</v>
      </c>
      <c r="C113" s="7"/>
      <c r="D113" s="7" t="s">
        <v>400</v>
      </c>
      <c r="E113" s="7" t="s">
        <v>300</v>
      </c>
      <c r="F113" s="7" t="s">
        <v>401</v>
      </c>
      <c r="G113" s="7">
        <v>6</v>
      </c>
      <c r="H113" s="7" t="s">
        <v>278</v>
      </c>
      <c r="I113" s="7">
        <v>2019</v>
      </c>
      <c r="J113" s="7" t="s">
        <v>302</v>
      </c>
      <c r="K113" s="7"/>
      <c r="L113" s="7" t="s">
        <v>402</v>
      </c>
    </row>
    <row r="114" spans="1:24" ht="15.2" customHeight="1">
      <c r="A114" s="7" t="s">
        <v>340</v>
      </c>
      <c r="B114" s="7" t="s">
        <v>105</v>
      </c>
      <c r="C114" s="7"/>
      <c r="D114" s="7" t="s">
        <v>403</v>
      </c>
      <c r="E114" s="7" t="s">
        <v>300</v>
      </c>
      <c r="F114" s="7" t="s">
        <v>404</v>
      </c>
      <c r="G114" s="7">
        <v>1</v>
      </c>
      <c r="H114" s="7" t="s">
        <v>278</v>
      </c>
      <c r="I114" s="7">
        <v>2019</v>
      </c>
      <c r="J114" s="7" t="s">
        <v>302</v>
      </c>
      <c r="K114" s="7"/>
      <c r="L114" s="7" t="s">
        <v>405</v>
      </c>
    </row>
    <row r="115" spans="1:24" s="1" customFormat="1" ht="15.2" customHeight="1">
      <c r="A115" s="7" t="s">
        <v>340</v>
      </c>
      <c r="B115" s="7" t="s">
        <v>111</v>
      </c>
      <c r="C115" s="7" t="s">
        <v>406</v>
      </c>
      <c r="D115" s="7" t="s">
        <v>407</v>
      </c>
      <c r="E115" s="7" t="s">
        <v>408</v>
      </c>
      <c r="F115" s="7" t="s">
        <v>408</v>
      </c>
      <c r="G115" s="7">
        <v>1</v>
      </c>
      <c r="H115" s="7" t="s">
        <v>96</v>
      </c>
      <c r="I115" s="7">
        <v>2019</v>
      </c>
      <c r="J115" s="7" t="s">
        <v>63</v>
      </c>
      <c r="K115" s="7"/>
      <c r="L115" s="7" t="s">
        <v>409</v>
      </c>
      <c r="M115" s="5"/>
      <c r="N115" s="5"/>
      <c r="O115" s="5"/>
      <c r="P115" s="5"/>
      <c r="Q115" s="5"/>
      <c r="R115" s="5"/>
      <c r="S115" s="5"/>
      <c r="T115" s="5"/>
      <c r="U115" s="5"/>
      <c r="V115" s="5"/>
      <c r="W115" s="5"/>
      <c r="X115" s="5"/>
    </row>
    <row r="116" spans="1:24" ht="15.2" customHeight="1">
      <c r="A116" s="7" t="s">
        <v>340</v>
      </c>
      <c r="B116" s="7" t="s">
        <v>115</v>
      </c>
      <c r="C116" s="7" t="s">
        <v>410</v>
      </c>
      <c r="D116" s="7" t="s">
        <v>411</v>
      </c>
      <c r="E116" s="7" t="s">
        <v>412</v>
      </c>
      <c r="F116" s="7" t="s">
        <v>412</v>
      </c>
      <c r="G116" s="7">
        <v>1</v>
      </c>
      <c r="H116" s="7" t="s">
        <v>36</v>
      </c>
      <c r="I116" s="7">
        <v>2015</v>
      </c>
      <c r="J116" s="7" t="s">
        <v>63</v>
      </c>
      <c r="K116" s="7"/>
      <c r="L116" s="7" t="s">
        <v>413</v>
      </c>
    </row>
    <row r="117" spans="1:24" ht="15.2" customHeight="1">
      <c r="A117" s="7" t="s">
        <v>340</v>
      </c>
      <c r="B117" s="7" t="s">
        <v>119</v>
      </c>
      <c r="C117" s="7" t="s">
        <v>414</v>
      </c>
      <c r="D117" s="7" t="s">
        <v>415</v>
      </c>
      <c r="E117" s="7" t="s">
        <v>416</v>
      </c>
      <c r="F117" s="7" t="s">
        <v>417</v>
      </c>
      <c r="G117" s="7">
        <v>1</v>
      </c>
      <c r="H117" s="7" t="s">
        <v>96</v>
      </c>
      <c r="I117" s="7">
        <v>2012</v>
      </c>
      <c r="J117" s="7" t="s">
        <v>19</v>
      </c>
      <c r="K117" s="7"/>
      <c r="L117" s="7" t="s">
        <v>418</v>
      </c>
    </row>
    <row r="118" spans="1:24" ht="15.2" customHeight="1">
      <c r="A118" s="7" t="s">
        <v>340</v>
      </c>
      <c r="B118" s="7" t="s">
        <v>124</v>
      </c>
      <c r="C118" s="7" t="s">
        <v>419</v>
      </c>
      <c r="D118" s="7" t="s">
        <v>420</v>
      </c>
      <c r="E118" s="7" t="s">
        <v>421</v>
      </c>
      <c r="F118" s="7" t="s">
        <v>421</v>
      </c>
      <c r="G118" s="7">
        <v>1</v>
      </c>
      <c r="H118" s="7" t="s">
        <v>145</v>
      </c>
      <c r="I118" s="7">
        <v>2011</v>
      </c>
      <c r="J118" s="7" t="s">
        <v>63</v>
      </c>
      <c r="K118" s="7"/>
      <c r="L118" s="7"/>
    </row>
    <row r="119" spans="1:24" ht="15.2" customHeight="1">
      <c r="A119" s="7" t="s">
        <v>340</v>
      </c>
      <c r="B119" s="7" t="s">
        <v>129</v>
      </c>
      <c r="C119" s="7"/>
      <c r="D119" s="7" t="s">
        <v>71</v>
      </c>
      <c r="E119" s="7" t="s">
        <v>72</v>
      </c>
      <c r="F119" s="7" t="s">
        <v>73</v>
      </c>
      <c r="G119" s="7">
        <v>8</v>
      </c>
      <c r="H119" s="7" t="s">
        <v>52</v>
      </c>
      <c r="I119" s="7">
        <v>2020</v>
      </c>
      <c r="J119" s="7" t="s">
        <v>63</v>
      </c>
      <c r="K119" s="7"/>
      <c r="L119" s="7" t="s">
        <v>74</v>
      </c>
    </row>
    <row r="120" spans="1:24" ht="15.2" customHeight="1">
      <c r="A120" s="7" t="s">
        <v>340</v>
      </c>
      <c r="B120" s="7" t="s">
        <v>130</v>
      </c>
      <c r="C120" s="7"/>
      <c r="D120" s="7" t="s">
        <v>76</v>
      </c>
      <c r="E120" s="7" t="s">
        <v>72</v>
      </c>
      <c r="F120" s="7" t="s">
        <v>77</v>
      </c>
      <c r="G120" s="7">
        <v>4</v>
      </c>
      <c r="H120" s="7" t="s">
        <v>52</v>
      </c>
      <c r="I120" s="7">
        <v>2020</v>
      </c>
      <c r="J120" s="7" t="s">
        <v>63</v>
      </c>
      <c r="K120" s="7"/>
      <c r="L120" s="7" t="s">
        <v>78</v>
      </c>
    </row>
    <row r="121" spans="1:24" ht="15.2" customHeight="1">
      <c r="A121" s="7" t="s">
        <v>340</v>
      </c>
      <c r="B121" s="7" t="s">
        <v>131</v>
      </c>
      <c r="C121" s="7" t="s">
        <v>80</v>
      </c>
      <c r="D121" s="7" t="s">
        <v>81</v>
      </c>
      <c r="E121" s="7" t="s">
        <v>82</v>
      </c>
      <c r="F121" s="7" t="s">
        <v>83</v>
      </c>
      <c r="G121" s="7">
        <v>1</v>
      </c>
      <c r="H121" s="7" t="s">
        <v>36</v>
      </c>
      <c r="I121" s="7">
        <v>2016</v>
      </c>
      <c r="J121" s="7" t="s">
        <v>63</v>
      </c>
      <c r="K121" s="7"/>
      <c r="L121" s="7" t="s">
        <v>84</v>
      </c>
    </row>
    <row r="122" spans="1:24" ht="15.2" customHeight="1">
      <c r="A122" s="7" t="s">
        <v>340</v>
      </c>
      <c r="B122" s="7" t="s">
        <v>132</v>
      </c>
      <c r="C122" s="7" t="s">
        <v>86</v>
      </c>
      <c r="D122" s="7" t="s">
        <v>87</v>
      </c>
      <c r="E122" s="7" t="s">
        <v>88</v>
      </c>
      <c r="F122" s="7" t="s">
        <v>89</v>
      </c>
      <c r="G122" s="7">
        <v>1</v>
      </c>
      <c r="H122" s="7" t="s">
        <v>36</v>
      </c>
      <c r="I122" s="7">
        <v>2015</v>
      </c>
      <c r="J122" s="7" t="s">
        <v>63</v>
      </c>
      <c r="K122" s="7"/>
      <c r="L122" s="7" t="s">
        <v>90</v>
      </c>
    </row>
    <row r="123" spans="1:24" ht="15.2" customHeight="1">
      <c r="A123" s="7" t="s">
        <v>340</v>
      </c>
      <c r="B123" s="7" t="s">
        <v>133</v>
      </c>
      <c r="C123" s="7" t="s">
        <v>343</v>
      </c>
      <c r="D123" s="7" t="s">
        <v>226</v>
      </c>
      <c r="E123" s="7" t="s">
        <v>227</v>
      </c>
      <c r="F123" s="7" t="s">
        <v>344</v>
      </c>
      <c r="G123" s="7">
        <v>3</v>
      </c>
      <c r="H123" s="7" t="s">
        <v>229</v>
      </c>
      <c r="I123" s="7">
        <v>2007</v>
      </c>
      <c r="J123" s="7" t="s">
        <v>19</v>
      </c>
      <c r="K123" s="7"/>
      <c r="L123" s="7" t="s">
        <v>345</v>
      </c>
    </row>
    <row r="124" spans="1:24" ht="15.2" customHeight="1">
      <c r="A124" s="7" t="s">
        <v>340</v>
      </c>
      <c r="B124" s="7" t="s">
        <v>134</v>
      </c>
      <c r="C124" s="7" t="s">
        <v>346</v>
      </c>
      <c r="D124" s="7" t="s">
        <v>226</v>
      </c>
      <c r="E124" s="7" t="s">
        <v>227</v>
      </c>
      <c r="F124" s="7" t="s">
        <v>347</v>
      </c>
      <c r="G124" s="7">
        <v>4</v>
      </c>
      <c r="H124" s="7" t="s">
        <v>229</v>
      </c>
      <c r="I124" s="7">
        <v>2007</v>
      </c>
      <c r="J124" s="7" t="s">
        <v>19</v>
      </c>
      <c r="K124" s="7"/>
      <c r="L124" s="7" t="s">
        <v>348</v>
      </c>
    </row>
    <row r="125" spans="1:24" ht="15.2" customHeight="1">
      <c r="A125" s="7" t="s">
        <v>340</v>
      </c>
      <c r="B125" s="7" t="s">
        <v>135</v>
      </c>
      <c r="C125" s="7" t="s">
        <v>358</v>
      </c>
      <c r="D125" s="7" t="s">
        <v>359</v>
      </c>
      <c r="E125" s="7" t="s">
        <v>246</v>
      </c>
      <c r="F125" s="7" t="s">
        <v>360</v>
      </c>
      <c r="G125" s="7">
        <v>6</v>
      </c>
      <c r="H125" s="7" t="s">
        <v>96</v>
      </c>
      <c r="I125" s="7">
        <v>2010</v>
      </c>
      <c r="J125" s="7" t="s">
        <v>63</v>
      </c>
      <c r="K125" s="7"/>
      <c r="L125" s="7" t="s">
        <v>361</v>
      </c>
    </row>
    <row r="126" spans="1:24" ht="15.2" customHeight="1">
      <c r="A126" s="7" t="s">
        <v>340</v>
      </c>
      <c r="B126" s="7" t="s">
        <v>141</v>
      </c>
      <c r="C126" s="7" t="s">
        <v>362</v>
      </c>
      <c r="D126" s="7" t="s">
        <v>363</v>
      </c>
      <c r="E126" s="7" t="s">
        <v>246</v>
      </c>
      <c r="F126" s="7" t="s">
        <v>364</v>
      </c>
      <c r="G126" s="7">
        <v>1</v>
      </c>
      <c r="H126" s="7" t="s">
        <v>96</v>
      </c>
      <c r="I126" s="7">
        <v>2010</v>
      </c>
      <c r="J126" s="7" t="s">
        <v>63</v>
      </c>
      <c r="K126" s="7"/>
      <c r="L126" s="7" t="s">
        <v>365</v>
      </c>
    </row>
    <row r="127" spans="1:24" ht="15.2" customHeight="1">
      <c r="A127" s="7" t="s">
        <v>340</v>
      </c>
      <c r="B127" s="7" t="s">
        <v>147</v>
      </c>
      <c r="C127" s="7" t="s">
        <v>366</v>
      </c>
      <c r="D127" s="7" t="s">
        <v>367</v>
      </c>
      <c r="E127" s="7" t="s">
        <v>262</v>
      </c>
      <c r="F127" s="7" t="s">
        <v>368</v>
      </c>
      <c r="G127" s="7">
        <v>6</v>
      </c>
      <c r="H127" s="7" t="s">
        <v>36</v>
      </c>
      <c r="I127" s="7">
        <v>2017</v>
      </c>
      <c r="J127" s="7" t="s">
        <v>19</v>
      </c>
      <c r="K127" s="7"/>
      <c r="L127" s="7" t="s">
        <v>369</v>
      </c>
    </row>
    <row r="128" spans="1:24" ht="15.2" customHeight="1">
      <c r="A128" s="7" t="s">
        <v>422</v>
      </c>
      <c r="B128" s="7" t="s">
        <v>14</v>
      </c>
      <c r="C128" s="7" t="s">
        <v>423</v>
      </c>
      <c r="D128" s="7" t="s">
        <v>16</v>
      </c>
      <c r="E128" s="7" t="s">
        <v>16</v>
      </c>
      <c r="F128" s="7" t="s">
        <v>424</v>
      </c>
      <c r="G128" s="7">
        <v>27</v>
      </c>
      <c r="H128" s="7" t="s">
        <v>18</v>
      </c>
      <c r="I128" s="7">
        <v>2015</v>
      </c>
      <c r="J128" s="7" t="s">
        <v>19</v>
      </c>
      <c r="K128" s="7"/>
      <c r="L128" s="7" t="s">
        <v>425</v>
      </c>
    </row>
    <row r="129" spans="1:12" ht="15.2" customHeight="1">
      <c r="A129" s="7" t="s">
        <v>422</v>
      </c>
      <c r="B129" s="7" t="s">
        <v>21</v>
      </c>
      <c r="C129" s="7" t="s">
        <v>426</v>
      </c>
      <c r="D129" s="7" t="s">
        <v>226</v>
      </c>
      <c r="E129" s="7" t="s">
        <v>227</v>
      </c>
      <c r="F129" s="7" t="s">
        <v>427</v>
      </c>
      <c r="G129" s="7">
        <v>5</v>
      </c>
      <c r="H129" s="7" t="s">
        <v>229</v>
      </c>
      <c r="I129" s="7">
        <v>2007</v>
      </c>
      <c r="J129" s="7" t="s">
        <v>19</v>
      </c>
      <c r="K129" s="7"/>
      <c r="L129" s="7" t="s">
        <v>428</v>
      </c>
    </row>
    <row r="130" spans="1:12" ht="15.2" customHeight="1">
      <c r="A130" s="7" t="s">
        <v>422</v>
      </c>
      <c r="B130" s="7" t="s">
        <v>27</v>
      </c>
      <c r="C130" s="7" t="s">
        <v>429</v>
      </c>
      <c r="D130" s="7" t="s">
        <v>226</v>
      </c>
      <c r="E130" s="7" t="s">
        <v>227</v>
      </c>
      <c r="F130" s="7" t="s">
        <v>430</v>
      </c>
      <c r="G130" s="7">
        <v>6</v>
      </c>
      <c r="H130" s="7" t="s">
        <v>229</v>
      </c>
      <c r="I130" s="7">
        <v>2007</v>
      </c>
      <c r="J130" s="7" t="s">
        <v>19</v>
      </c>
      <c r="K130" s="7"/>
      <c r="L130" s="7" t="s">
        <v>431</v>
      </c>
    </row>
    <row r="131" spans="1:12" ht="15.2" customHeight="1">
      <c r="A131" s="7" t="s">
        <v>422</v>
      </c>
      <c r="B131" s="7" t="s">
        <v>31</v>
      </c>
      <c r="C131" s="7" t="s">
        <v>432</v>
      </c>
      <c r="D131" s="7" t="s">
        <v>433</v>
      </c>
      <c r="E131" s="7" t="s">
        <v>236</v>
      </c>
      <c r="F131" s="7" t="s">
        <v>434</v>
      </c>
      <c r="G131" s="7">
        <v>1</v>
      </c>
      <c r="H131" s="7" t="s">
        <v>96</v>
      </c>
      <c r="I131" s="7">
        <v>2010</v>
      </c>
      <c r="J131" s="7" t="s">
        <v>53</v>
      </c>
      <c r="K131" s="7"/>
      <c r="L131" s="7" t="s">
        <v>435</v>
      </c>
    </row>
    <row r="132" spans="1:12" ht="15.2" customHeight="1">
      <c r="A132" s="7" t="s">
        <v>422</v>
      </c>
      <c r="B132" s="7" t="s">
        <v>38</v>
      </c>
      <c r="C132" s="7" t="s">
        <v>436</v>
      </c>
      <c r="D132" s="7" t="s">
        <v>437</v>
      </c>
      <c r="E132" s="7" t="s">
        <v>236</v>
      </c>
      <c r="F132" s="7" t="s">
        <v>438</v>
      </c>
      <c r="G132" s="7">
        <v>4</v>
      </c>
      <c r="H132" s="7" t="s">
        <v>238</v>
      </c>
      <c r="I132" s="7">
        <v>2009</v>
      </c>
      <c r="J132" s="7" t="s">
        <v>53</v>
      </c>
      <c r="K132" s="7"/>
      <c r="L132" s="7" t="s">
        <v>439</v>
      </c>
    </row>
    <row r="133" spans="1:12" ht="15.2" customHeight="1">
      <c r="A133" s="7" t="s">
        <v>422</v>
      </c>
      <c r="B133" s="7" t="s">
        <v>43</v>
      </c>
      <c r="C133" s="7" t="s">
        <v>440</v>
      </c>
      <c r="D133" s="7" t="s">
        <v>441</v>
      </c>
      <c r="E133" s="7" t="s">
        <v>246</v>
      </c>
      <c r="F133" s="7" t="s">
        <v>442</v>
      </c>
      <c r="G133" s="7">
        <v>1</v>
      </c>
      <c r="H133" s="7" t="s">
        <v>96</v>
      </c>
      <c r="I133" s="7">
        <v>2010</v>
      </c>
      <c r="J133" s="7" t="s">
        <v>63</v>
      </c>
      <c r="K133" s="7"/>
      <c r="L133" s="7" t="s">
        <v>443</v>
      </c>
    </row>
    <row r="134" spans="1:12" ht="15.2" customHeight="1">
      <c r="A134" s="7" t="s">
        <v>422</v>
      </c>
      <c r="B134" s="7" t="s">
        <v>48</v>
      </c>
      <c r="C134" s="7" t="s">
        <v>444</v>
      </c>
      <c r="D134" s="7" t="s">
        <v>445</v>
      </c>
      <c r="E134" s="7" t="s">
        <v>246</v>
      </c>
      <c r="F134" s="7" t="s">
        <v>446</v>
      </c>
      <c r="G134" s="7">
        <v>2</v>
      </c>
      <c r="H134" s="7" t="s">
        <v>96</v>
      </c>
      <c r="I134" s="7">
        <v>2010</v>
      </c>
      <c r="J134" s="7" t="s">
        <v>63</v>
      </c>
      <c r="K134" s="7"/>
      <c r="L134" s="7" t="s">
        <v>447</v>
      </c>
    </row>
    <row r="135" spans="1:12" ht="15.2" customHeight="1">
      <c r="A135" s="7" t="s">
        <v>422</v>
      </c>
      <c r="B135" s="7" t="s">
        <v>55</v>
      </c>
      <c r="C135" s="7" t="s">
        <v>448</v>
      </c>
      <c r="D135" s="7" t="s">
        <v>449</v>
      </c>
      <c r="E135" s="7" t="s">
        <v>262</v>
      </c>
      <c r="F135" s="7" t="s">
        <v>450</v>
      </c>
      <c r="G135" s="7">
        <v>8</v>
      </c>
      <c r="H135" s="7" t="s">
        <v>264</v>
      </c>
      <c r="I135" s="7">
        <v>2017</v>
      </c>
      <c r="J135" s="7" t="s">
        <v>19</v>
      </c>
      <c r="K135" s="7"/>
      <c r="L135" s="7" t="s">
        <v>451</v>
      </c>
    </row>
    <row r="136" spans="1:12" ht="15.2" customHeight="1">
      <c r="A136" s="7" t="s">
        <v>422</v>
      </c>
      <c r="B136" s="7" t="s">
        <v>59</v>
      </c>
      <c r="C136" s="7" t="s">
        <v>452</v>
      </c>
      <c r="D136" s="7" t="s">
        <v>453</v>
      </c>
      <c r="E136" s="7" t="s">
        <v>262</v>
      </c>
      <c r="F136" s="7" t="s">
        <v>454</v>
      </c>
      <c r="G136" s="7">
        <v>5</v>
      </c>
      <c r="H136" s="7" t="s">
        <v>36</v>
      </c>
      <c r="I136" s="7">
        <v>2015</v>
      </c>
      <c r="J136" s="7" t="s">
        <v>19</v>
      </c>
      <c r="K136" s="7"/>
      <c r="L136" s="7" t="s">
        <v>269</v>
      </c>
    </row>
    <row r="137" spans="1:12" ht="15.2" customHeight="1">
      <c r="A137" s="7" t="s">
        <v>422</v>
      </c>
      <c r="B137" s="7" t="s">
        <v>65</v>
      </c>
      <c r="C137" s="7" t="s">
        <v>60</v>
      </c>
      <c r="D137" s="7" t="s">
        <v>61</v>
      </c>
      <c r="E137" s="7" t="s">
        <v>50</v>
      </c>
      <c r="F137" s="7" t="s">
        <v>62</v>
      </c>
      <c r="G137" s="7">
        <v>1</v>
      </c>
      <c r="H137" s="7" t="s">
        <v>36</v>
      </c>
      <c r="I137" s="7">
        <v>2018</v>
      </c>
      <c r="J137" s="7" t="s">
        <v>63</v>
      </c>
      <c r="K137" s="7"/>
      <c r="L137" s="7" t="s">
        <v>64</v>
      </c>
    </row>
    <row r="138" spans="1:12" ht="15.2" customHeight="1">
      <c r="A138" s="7" t="s">
        <v>422</v>
      </c>
      <c r="B138" s="7" t="s">
        <v>70</v>
      </c>
      <c r="C138" s="7" t="s">
        <v>66</v>
      </c>
      <c r="D138" s="7" t="s">
        <v>67</v>
      </c>
      <c r="E138" s="7" t="s">
        <v>50</v>
      </c>
      <c r="F138" s="7" t="s">
        <v>68</v>
      </c>
      <c r="G138" s="7">
        <v>2</v>
      </c>
      <c r="H138" s="7" t="s">
        <v>36</v>
      </c>
      <c r="I138" s="7">
        <v>2018</v>
      </c>
      <c r="J138" s="7" t="s">
        <v>63</v>
      </c>
      <c r="K138" s="7"/>
      <c r="L138" s="7" t="s">
        <v>69</v>
      </c>
    </row>
    <row r="139" spans="1:12" ht="15.2" customHeight="1">
      <c r="A139" s="7" t="s">
        <v>422</v>
      </c>
      <c r="B139" s="7" t="s">
        <v>75</v>
      </c>
      <c r="C139" s="7" t="s">
        <v>120</v>
      </c>
      <c r="D139" s="7" t="s">
        <v>121</v>
      </c>
      <c r="E139" s="7" t="s">
        <v>50</v>
      </c>
      <c r="F139" s="7" t="s">
        <v>122</v>
      </c>
      <c r="G139" s="7">
        <v>3</v>
      </c>
      <c r="H139" s="7" t="s">
        <v>36</v>
      </c>
      <c r="I139" s="7">
        <v>2018</v>
      </c>
      <c r="J139" s="7" t="s">
        <v>63</v>
      </c>
      <c r="K139" s="7"/>
      <c r="L139" s="7" t="s">
        <v>123</v>
      </c>
    </row>
    <row r="140" spans="1:12" ht="15.2" customHeight="1">
      <c r="A140" s="7" t="s">
        <v>422</v>
      </c>
      <c r="B140" s="7" t="s">
        <v>79</v>
      </c>
      <c r="C140" s="7" t="s">
        <v>125</v>
      </c>
      <c r="D140" s="7" t="s">
        <v>126</v>
      </c>
      <c r="E140" s="7" t="s">
        <v>50</v>
      </c>
      <c r="F140" s="7" t="s">
        <v>127</v>
      </c>
      <c r="G140" s="7">
        <v>4</v>
      </c>
      <c r="H140" s="7" t="s">
        <v>36</v>
      </c>
      <c r="I140" s="7">
        <v>2018</v>
      </c>
      <c r="J140" s="7" t="s">
        <v>63</v>
      </c>
      <c r="K140" s="7"/>
      <c r="L140" s="7" t="s">
        <v>128</v>
      </c>
    </row>
    <row r="141" spans="1:12" ht="15.2" customHeight="1">
      <c r="A141" s="7" t="s">
        <v>422</v>
      </c>
      <c r="B141" s="7" t="s">
        <v>85</v>
      </c>
      <c r="C141" s="7" t="s">
        <v>455</v>
      </c>
      <c r="D141" s="7" t="s">
        <v>456</v>
      </c>
      <c r="E141" s="7" t="s">
        <v>50</v>
      </c>
      <c r="F141" s="7" t="s">
        <v>457</v>
      </c>
      <c r="G141" s="7">
        <v>5</v>
      </c>
      <c r="H141" s="7" t="s">
        <v>36</v>
      </c>
      <c r="I141" s="7">
        <v>2018</v>
      </c>
      <c r="J141" s="7" t="s">
        <v>63</v>
      </c>
      <c r="K141" s="7"/>
      <c r="L141" s="7" t="s">
        <v>458</v>
      </c>
    </row>
    <row r="142" spans="1:12" ht="15.2" customHeight="1">
      <c r="A142" s="7" t="s">
        <v>422</v>
      </c>
      <c r="B142" s="7" t="s">
        <v>91</v>
      </c>
      <c r="C142" s="7" t="s">
        <v>459</v>
      </c>
      <c r="D142" s="7" t="s">
        <v>460</v>
      </c>
      <c r="E142" s="7" t="s">
        <v>291</v>
      </c>
      <c r="F142" s="7" t="s">
        <v>461</v>
      </c>
      <c r="G142" s="7">
        <v>9</v>
      </c>
      <c r="H142" s="7" t="s">
        <v>36</v>
      </c>
      <c r="I142" s="7">
        <v>2016</v>
      </c>
      <c r="J142" s="7" t="s">
        <v>293</v>
      </c>
      <c r="K142" s="7"/>
      <c r="L142" s="7" t="s">
        <v>462</v>
      </c>
    </row>
    <row r="143" spans="1:12" ht="15.2" customHeight="1">
      <c r="A143" s="7" t="s">
        <v>422</v>
      </c>
      <c r="B143" s="7" t="s">
        <v>98</v>
      </c>
      <c r="C143" s="7" t="s">
        <v>463</v>
      </c>
      <c r="D143" s="7" t="s">
        <v>464</v>
      </c>
      <c r="E143" s="7" t="s">
        <v>291</v>
      </c>
      <c r="F143" s="7" t="s">
        <v>465</v>
      </c>
      <c r="G143" s="7">
        <v>8</v>
      </c>
      <c r="H143" s="7" t="s">
        <v>96</v>
      </c>
      <c r="I143" s="7">
        <v>2016</v>
      </c>
      <c r="J143" s="7" t="s">
        <v>293</v>
      </c>
      <c r="K143" s="7"/>
      <c r="L143" s="7" t="s">
        <v>466</v>
      </c>
    </row>
    <row r="144" spans="1:12" ht="15.2" customHeight="1">
      <c r="A144" s="7" t="s">
        <v>422</v>
      </c>
      <c r="B144" s="7" t="s">
        <v>197</v>
      </c>
      <c r="C144" s="7"/>
      <c r="D144" s="7" t="s">
        <v>467</v>
      </c>
      <c r="E144" s="7" t="s">
        <v>300</v>
      </c>
      <c r="F144" s="7" t="s">
        <v>468</v>
      </c>
      <c r="G144" s="7">
        <v>5</v>
      </c>
      <c r="H144" s="7" t="s">
        <v>278</v>
      </c>
      <c r="I144" s="7">
        <v>2019</v>
      </c>
      <c r="J144" s="7" t="s">
        <v>302</v>
      </c>
      <c r="K144" s="7"/>
      <c r="L144" s="7" t="s">
        <v>469</v>
      </c>
    </row>
    <row r="145" spans="1:24" ht="15.2" customHeight="1">
      <c r="A145" s="7" t="s">
        <v>422</v>
      </c>
      <c r="B145" s="7" t="s">
        <v>105</v>
      </c>
      <c r="C145" s="7"/>
      <c r="D145" s="7" t="s">
        <v>470</v>
      </c>
      <c r="E145" s="7" t="s">
        <v>300</v>
      </c>
      <c r="F145" s="7" t="s">
        <v>471</v>
      </c>
      <c r="G145" s="7">
        <v>2</v>
      </c>
      <c r="H145" s="7" t="s">
        <v>278</v>
      </c>
      <c r="I145" s="7">
        <v>2019</v>
      </c>
      <c r="J145" s="7" t="s">
        <v>302</v>
      </c>
      <c r="K145" s="7"/>
      <c r="L145" s="7" t="s">
        <v>472</v>
      </c>
    </row>
    <row r="146" spans="1:24" s="1" customFormat="1" ht="15.2" customHeight="1">
      <c r="A146" s="7" t="s">
        <v>422</v>
      </c>
      <c r="B146" s="7" t="s">
        <v>111</v>
      </c>
      <c r="C146" s="7" t="s">
        <v>473</v>
      </c>
      <c r="D146" s="7" t="s">
        <v>474</v>
      </c>
      <c r="E146" s="7" t="s">
        <v>475</v>
      </c>
      <c r="F146" s="7" t="s">
        <v>475</v>
      </c>
      <c r="G146" s="7">
        <v>1</v>
      </c>
      <c r="H146" s="7" t="s">
        <v>352</v>
      </c>
      <c r="I146" s="7">
        <v>2015</v>
      </c>
      <c r="J146" s="7" t="s">
        <v>63</v>
      </c>
      <c r="K146" s="7"/>
      <c r="L146" s="7" t="s">
        <v>476</v>
      </c>
      <c r="M146" s="5"/>
      <c r="N146" s="5"/>
      <c r="O146" s="5"/>
      <c r="P146" s="5"/>
      <c r="Q146" s="5"/>
      <c r="R146" s="5"/>
      <c r="S146" s="5"/>
      <c r="T146" s="5"/>
      <c r="U146" s="5"/>
      <c r="V146" s="5"/>
      <c r="W146" s="5"/>
      <c r="X146" s="5"/>
    </row>
    <row r="147" spans="1:24" ht="15.2" customHeight="1">
      <c r="A147" s="7" t="s">
        <v>422</v>
      </c>
      <c r="B147" s="7" t="s">
        <v>115</v>
      </c>
      <c r="C147" s="7" t="s">
        <v>477</v>
      </c>
      <c r="D147" s="7" t="s">
        <v>478</v>
      </c>
      <c r="E147" s="7" t="s">
        <v>479</v>
      </c>
      <c r="F147" s="7" t="s">
        <v>479</v>
      </c>
      <c r="G147" s="7">
        <v>1</v>
      </c>
      <c r="H147" s="7" t="s">
        <v>480</v>
      </c>
      <c r="I147" s="7">
        <v>2013</v>
      </c>
      <c r="J147" s="7" t="s">
        <v>19</v>
      </c>
      <c r="K147" s="7"/>
      <c r="L147" s="7" t="s">
        <v>481</v>
      </c>
    </row>
    <row r="148" spans="1:24" ht="15.2" customHeight="1">
      <c r="A148" s="7" t="s">
        <v>422</v>
      </c>
      <c r="B148" s="7" t="s">
        <v>124</v>
      </c>
      <c r="C148" s="7" t="s">
        <v>482</v>
      </c>
      <c r="D148" s="7" t="s">
        <v>483</v>
      </c>
      <c r="E148" s="7" t="s">
        <v>484</v>
      </c>
      <c r="F148" s="7" t="s">
        <v>484</v>
      </c>
      <c r="G148" s="7">
        <v>1</v>
      </c>
      <c r="H148" s="7" t="s">
        <v>145</v>
      </c>
      <c r="I148" s="7">
        <v>2010</v>
      </c>
      <c r="J148" s="7" t="s">
        <v>63</v>
      </c>
      <c r="K148" s="7"/>
      <c r="L148" s="7" t="s">
        <v>485</v>
      </c>
    </row>
    <row r="149" spans="1:24" ht="15.2" customHeight="1">
      <c r="A149" s="7" t="s">
        <v>422</v>
      </c>
      <c r="B149" s="7" t="s">
        <v>129</v>
      </c>
      <c r="C149" s="7" t="s">
        <v>486</v>
      </c>
      <c r="D149" s="7" t="s">
        <v>487</v>
      </c>
      <c r="E149" s="7" t="s">
        <v>488</v>
      </c>
      <c r="F149" s="7" t="s">
        <v>489</v>
      </c>
      <c r="G149" s="7">
        <v>4</v>
      </c>
      <c r="H149" s="7" t="s">
        <v>96</v>
      </c>
      <c r="I149" s="7">
        <v>2020</v>
      </c>
      <c r="J149" s="7" t="s">
        <v>19</v>
      </c>
      <c r="K149" s="7"/>
      <c r="L149" s="7" t="s">
        <v>490</v>
      </c>
    </row>
    <row r="150" spans="1:24" ht="15.2" customHeight="1">
      <c r="A150" s="7" t="s">
        <v>422</v>
      </c>
      <c r="B150" s="7" t="s">
        <v>130</v>
      </c>
      <c r="C150" s="7"/>
      <c r="D150" s="7" t="s">
        <v>491</v>
      </c>
      <c r="E150" s="7" t="s">
        <v>488</v>
      </c>
      <c r="F150" s="7" t="s">
        <v>492</v>
      </c>
      <c r="G150" s="7">
        <v>6</v>
      </c>
      <c r="H150" s="7" t="s">
        <v>264</v>
      </c>
      <c r="I150" s="7">
        <v>2020</v>
      </c>
      <c r="J150" s="7" t="s">
        <v>19</v>
      </c>
      <c r="K150" s="7"/>
      <c r="L150" s="7" t="s">
        <v>493</v>
      </c>
    </row>
    <row r="151" spans="1:24" ht="15.2" customHeight="1">
      <c r="A151" s="7" t="s">
        <v>422</v>
      </c>
      <c r="B151" s="7" t="s">
        <v>131</v>
      </c>
      <c r="C151" s="7"/>
      <c r="D151" s="7" t="s">
        <v>494</v>
      </c>
      <c r="E151" s="7" t="s">
        <v>488</v>
      </c>
      <c r="F151" s="7" t="s">
        <v>495</v>
      </c>
      <c r="G151" s="7">
        <v>5</v>
      </c>
      <c r="H151" s="7" t="s">
        <v>264</v>
      </c>
      <c r="I151" s="7">
        <v>2020</v>
      </c>
      <c r="J151" s="7" t="s">
        <v>19</v>
      </c>
      <c r="K151" s="7"/>
      <c r="L151" s="7" t="s">
        <v>496</v>
      </c>
    </row>
    <row r="152" spans="1:24" ht="15.2" customHeight="1">
      <c r="A152" s="7" t="s">
        <v>422</v>
      </c>
      <c r="B152" s="7" t="s">
        <v>132</v>
      </c>
      <c r="C152" s="7" t="s">
        <v>497</v>
      </c>
      <c r="D152" s="7" t="s">
        <v>498</v>
      </c>
      <c r="E152" s="7" t="s">
        <v>499</v>
      </c>
      <c r="F152" s="7" t="s">
        <v>500</v>
      </c>
      <c r="G152" s="7">
        <v>2</v>
      </c>
      <c r="H152" s="7" t="s">
        <v>96</v>
      </c>
      <c r="I152" s="7">
        <v>2019</v>
      </c>
      <c r="J152" s="7" t="s">
        <v>19</v>
      </c>
      <c r="K152" s="7"/>
      <c r="L152" s="7" t="s">
        <v>501</v>
      </c>
    </row>
    <row r="153" spans="1:24" ht="15.2" customHeight="1">
      <c r="A153" s="7" t="s">
        <v>422</v>
      </c>
      <c r="B153" s="7" t="s">
        <v>133</v>
      </c>
      <c r="C153" s="7" t="s">
        <v>426</v>
      </c>
      <c r="D153" s="7" t="s">
        <v>226</v>
      </c>
      <c r="E153" s="7" t="s">
        <v>227</v>
      </c>
      <c r="F153" s="7" t="s">
        <v>427</v>
      </c>
      <c r="G153" s="7">
        <v>5</v>
      </c>
      <c r="H153" s="7" t="s">
        <v>229</v>
      </c>
      <c r="I153" s="7">
        <v>2007</v>
      </c>
      <c r="J153" s="7" t="s">
        <v>19</v>
      </c>
      <c r="K153" s="7"/>
      <c r="L153" s="7" t="s">
        <v>428</v>
      </c>
    </row>
    <row r="154" spans="1:24" ht="15.2" customHeight="1">
      <c r="A154" s="7" t="s">
        <v>422</v>
      </c>
      <c r="B154" s="7" t="s">
        <v>134</v>
      </c>
      <c r="C154" s="7" t="s">
        <v>429</v>
      </c>
      <c r="D154" s="7" t="s">
        <v>226</v>
      </c>
      <c r="E154" s="7" t="s">
        <v>227</v>
      </c>
      <c r="F154" s="7" t="s">
        <v>430</v>
      </c>
      <c r="G154" s="7">
        <v>6</v>
      </c>
      <c r="H154" s="7" t="s">
        <v>229</v>
      </c>
      <c r="I154" s="7">
        <v>2007</v>
      </c>
      <c r="J154" s="7" t="s">
        <v>19</v>
      </c>
      <c r="K154" s="7"/>
      <c r="L154" s="7" t="s">
        <v>431</v>
      </c>
    </row>
    <row r="155" spans="1:24" ht="15.2" customHeight="1">
      <c r="A155" s="7" t="s">
        <v>422</v>
      </c>
      <c r="B155" s="7" t="s">
        <v>135</v>
      </c>
      <c r="C155" s="7" t="s">
        <v>440</v>
      </c>
      <c r="D155" s="7" t="s">
        <v>441</v>
      </c>
      <c r="E155" s="7" t="s">
        <v>246</v>
      </c>
      <c r="F155" s="7" t="s">
        <v>442</v>
      </c>
      <c r="G155" s="7">
        <v>1</v>
      </c>
      <c r="H155" s="7" t="s">
        <v>96</v>
      </c>
      <c r="I155" s="7">
        <v>2010</v>
      </c>
      <c r="J155" s="7" t="s">
        <v>63</v>
      </c>
      <c r="K155" s="7"/>
      <c r="L155" s="7" t="s">
        <v>443</v>
      </c>
    </row>
    <row r="156" spans="1:24" ht="15.2" customHeight="1">
      <c r="A156" s="7" t="s">
        <v>422</v>
      </c>
      <c r="B156" s="7" t="s">
        <v>141</v>
      </c>
      <c r="C156" s="7" t="s">
        <v>444</v>
      </c>
      <c r="D156" s="7" t="s">
        <v>445</v>
      </c>
      <c r="E156" s="7" t="s">
        <v>246</v>
      </c>
      <c r="F156" s="7" t="s">
        <v>446</v>
      </c>
      <c r="G156" s="7">
        <v>2</v>
      </c>
      <c r="H156" s="7" t="s">
        <v>96</v>
      </c>
      <c r="I156" s="7">
        <v>2010</v>
      </c>
      <c r="J156" s="7" t="s">
        <v>63</v>
      </c>
      <c r="K156" s="7"/>
      <c r="L156" s="7" t="s">
        <v>447</v>
      </c>
    </row>
    <row r="157" spans="1:24" ht="15.2" customHeight="1">
      <c r="A157" s="7" t="s">
        <v>422</v>
      </c>
      <c r="B157" s="7" t="s">
        <v>147</v>
      </c>
      <c r="C157" s="7" t="s">
        <v>448</v>
      </c>
      <c r="D157" s="7" t="s">
        <v>449</v>
      </c>
      <c r="E157" s="7" t="s">
        <v>262</v>
      </c>
      <c r="F157" s="7" t="s">
        <v>450</v>
      </c>
      <c r="G157" s="7">
        <v>8</v>
      </c>
      <c r="H157" s="7" t="s">
        <v>264</v>
      </c>
      <c r="I157" s="7">
        <v>2017</v>
      </c>
      <c r="J157" s="7" t="s">
        <v>19</v>
      </c>
      <c r="K157" s="7"/>
      <c r="L157" s="7" t="s">
        <v>451</v>
      </c>
    </row>
    <row r="158" spans="1:24" ht="15.2" customHeight="1">
      <c r="A158" s="7" t="s">
        <v>502</v>
      </c>
      <c r="B158" s="7" t="s">
        <v>14</v>
      </c>
      <c r="C158" s="7" t="s">
        <v>503</v>
      </c>
      <c r="D158" s="7" t="s">
        <v>16</v>
      </c>
      <c r="E158" s="7" t="s">
        <v>16</v>
      </c>
      <c r="F158" s="7" t="s">
        <v>504</v>
      </c>
      <c r="G158" s="7">
        <v>28</v>
      </c>
      <c r="H158" s="7" t="s">
        <v>18</v>
      </c>
      <c r="I158" s="7">
        <v>2015</v>
      </c>
      <c r="J158" s="7" t="s">
        <v>19</v>
      </c>
      <c r="K158" s="7"/>
      <c r="L158" s="7" t="s">
        <v>20</v>
      </c>
    </row>
    <row r="159" spans="1:24" ht="15.2" customHeight="1">
      <c r="A159" s="7" t="s">
        <v>502</v>
      </c>
      <c r="B159" s="7" t="s">
        <v>21</v>
      </c>
      <c r="C159" s="7" t="s">
        <v>505</v>
      </c>
      <c r="D159" s="7" t="s">
        <v>226</v>
      </c>
      <c r="E159" s="7" t="s">
        <v>227</v>
      </c>
      <c r="F159" s="7" t="s">
        <v>506</v>
      </c>
      <c r="G159" s="7">
        <v>7</v>
      </c>
      <c r="H159" s="7" t="s">
        <v>229</v>
      </c>
      <c r="I159" s="7">
        <v>2007</v>
      </c>
      <c r="J159" s="7" t="s">
        <v>19</v>
      </c>
      <c r="K159" s="7"/>
      <c r="L159" s="7" t="s">
        <v>507</v>
      </c>
    </row>
    <row r="160" spans="1:24" ht="15.2" customHeight="1">
      <c r="A160" s="7" t="s">
        <v>502</v>
      </c>
      <c r="B160" s="7" t="s">
        <v>27</v>
      </c>
      <c r="C160" s="7" t="s">
        <v>508</v>
      </c>
      <c r="D160" s="7" t="s">
        <v>509</v>
      </c>
      <c r="E160" s="7" t="s">
        <v>227</v>
      </c>
      <c r="F160" s="7" t="s">
        <v>510</v>
      </c>
      <c r="G160" s="7">
        <v>8</v>
      </c>
      <c r="H160" s="7" t="s">
        <v>229</v>
      </c>
      <c r="I160" s="7">
        <v>2007</v>
      </c>
      <c r="J160" s="7" t="s">
        <v>19</v>
      </c>
      <c r="K160" s="7"/>
      <c r="L160" s="7" t="s">
        <v>511</v>
      </c>
    </row>
    <row r="161" spans="1:12" ht="15.2" customHeight="1">
      <c r="A161" s="7" t="s">
        <v>502</v>
      </c>
      <c r="B161" s="7" t="s">
        <v>31</v>
      </c>
      <c r="C161" s="7" t="s">
        <v>512</v>
      </c>
      <c r="D161" s="7" t="s">
        <v>513</v>
      </c>
      <c r="E161" s="7" t="s">
        <v>236</v>
      </c>
      <c r="F161" s="7" t="s">
        <v>514</v>
      </c>
      <c r="G161" s="7">
        <v>2</v>
      </c>
      <c r="H161" s="7" t="s">
        <v>96</v>
      </c>
      <c r="I161" s="7">
        <v>2010</v>
      </c>
      <c r="J161" s="7" t="s">
        <v>53</v>
      </c>
      <c r="K161" s="7"/>
      <c r="L161" s="7" t="s">
        <v>515</v>
      </c>
    </row>
    <row r="162" spans="1:12" ht="15.2" customHeight="1">
      <c r="A162" s="7" t="s">
        <v>502</v>
      </c>
      <c r="B162" s="7" t="s">
        <v>38</v>
      </c>
      <c r="C162" s="7" t="s">
        <v>516</v>
      </c>
      <c r="D162" s="7" t="s">
        <v>517</v>
      </c>
      <c r="E162" s="7" t="s">
        <v>236</v>
      </c>
      <c r="F162" s="7" t="s">
        <v>518</v>
      </c>
      <c r="G162" s="7">
        <v>5</v>
      </c>
      <c r="H162" s="7" t="s">
        <v>238</v>
      </c>
      <c r="I162" s="7">
        <v>2009</v>
      </c>
      <c r="J162" s="7" t="s">
        <v>53</v>
      </c>
      <c r="K162" s="7"/>
      <c r="L162" s="7" t="s">
        <v>519</v>
      </c>
    </row>
    <row r="163" spans="1:12" ht="15.2" customHeight="1">
      <c r="A163" s="7" t="s">
        <v>502</v>
      </c>
      <c r="B163" s="7" t="s">
        <v>43</v>
      </c>
      <c r="C163" s="7" t="s">
        <v>520</v>
      </c>
      <c r="D163" s="7" t="s">
        <v>521</v>
      </c>
      <c r="E163" s="7" t="s">
        <v>246</v>
      </c>
      <c r="F163" s="7" t="s">
        <v>522</v>
      </c>
      <c r="G163" s="7">
        <v>2</v>
      </c>
      <c r="H163" s="7" t="s">
        <v>238</v>
      </c>
      <c r="I163" s="7">
        <v>2010</v>
      </c>
      <c r="J163" s="7" t="s">
        <v>63</v>
      </c>
      <c r="K163" s="7"/>
      <c r="L163" s="7" t="s">
        <v>523</v>
      </c>
    </row>
    <row r="164" spans="1:12" ht="15.2" customHeight="1">
      <c r="A164" s="7" t="s">
        <v>502</v>
      </c>
      <c r="B164" s="7" t="s">
        <v>48</v>
      </c>
      <c r="C164" s="7" t="s">
        <v>524</v>
      </c>
      <c r="D164" s="7" t="s">
        <v>525</v>
      </c>
      <c r="E164" s="7" t="s">
        <v>246</v>
      </c>
      <c r="F164" s="7" t="s">
        <v>526</v>
      </c>
      <c r="G164" s="7">
        <v>3</v>
      </c>
      <c r="H164" s="7" t="s">
        <v>96</v>
      </c>
      <c r="I164" s="7">
        <v>2010</v>
      </c>
      <c r="J164" s="7" t="s">
        <v>63</v>
      </c>
      <c r="K164" s="7"/>
      <c r="L164" s="7" t="s">
        <v>527</v>
      </c>
    </row>
    <row r="165" spans="1:12" ht="15.2" customHeight="1">
      <c r="A165" s="7" t="s">
        <v>502</v>
      </c>
      <c r="B165" s="7" t="s">
        <v>55</v>
      </c>
      <c r="C165" s="7" t="s">
        <v>528</v>
      </c>
      <c r="D165" s="7" t="s">
        <v>529</v>
      </c>
      <c r="E165" s="7" t="s">
        <v>262</v>
      </c>
      <c r="F165" s="7" t="s">
        <v>530</v>
      </c>
      <c r="G165" s="7">
        <v>7</v>
      </c>
      <c r="H165" s="7" t="s">
        <v>36</v>
      </c>
      <c r="I165" s="7">
        <v>2017</v>
      </c>
      <c r="J165" s="7" t="s">
        <v>19</v>
      </c>
      <c r="K165" s="7"/>
      <c r="L165" s="7" t="s">
        <v>531</v>
      </c>
    </row>
    <row r="166" spans="1:12" ht="15.2" customHeight="1">
      <c r="A166" s="7" t="s">
        <v>502</v>
      </c>
      <c r="B166" s="7" t="s">
        <v>59</v>
      </c>
      <c r="C166" s="7" t="s">
        <v>532</v>
      </c>
      <c r="D166" s="7" t="s">
        <v>533</v>
      </c>
      <c r="E166" s="7" t="s">
        <v>262</v>
      </c>
      <c r="F166" s="7" t="s">
        <v>534</v>
      </c>
      <c r="G166" s="7">
        <v>8</v>
      </c>
      <c r="H166" s="7" t="s">
        <v>36</v>
      </c>
      <c r="I166" s="7">
        <v>2015</v>
      </c>
      <c r="J166" s="7" t="s">
        <v>19</v>
      </c>
      <c r="K166" s="7"/>
      <c r="L166" s="7" t="s">
        <v>269</v>
      </c>
    </row>
    <row r="167" spans="1:12" ht="15.2" customHeight="1">
      <c r="A167" s="7" t="s">
        <v>502</v>
      </c>
      <c r="B167" s="7" t="s">
        <v>65</v>
      </c>
      <c r="C167" s="7"/>
      <c r="D167" s="7" t="s">
        <v>535</v>
      </c>
      <c r="E167" s="7" t="s">
        <v>536</v>
      </c>
      <c r="F167" s="7" t="s">
        <v>537</v>
      </c>
      <c r="G167" s="7">
        <v>3</v>
      </c>
      <c r="H167" s="7" t="s">
        <v>18</v>
      </c>
      <c r="I167" s="7">
        <v>2020</v>
      </c>
      <c r="J167" s="7" t="s">
        <v>19</v>
      </c>
      <c r="K167" s="7"/>
      <c r="L167" s="7" t="s">
        <v>538</v>
      </c>
    </row>
    <row r="168" spans="1:12" ht="15.2" customHeight="1">
      <c r="A168" s="7" t="s">
        <v>502</v>
      </c>
      <c r="B168" s="7" t="s">
        <v>539</v>
      </c>
      <c r="C168" s="7"/>
      <c r="D168" s="7" t="s">
        <v>540</v>
      </c>
      <c r="E168" s="7" t="s">
        <v>536</v>
      </c>
      <c r="F168" s="7" t="s">
        <v>541</v>
      </c>
      <c r="G168" s="7">
        <v>6</v>
      </c>
      <c r="H168" s="7" t="s">
        <v>18</v>
      </c>
      <c r="I168" s="7">
        <v>2020</v>
      </c>
      <c r="J168" s="7" t="s">
        <v>19</v>
      </c>
      <c r="K168" s="7"/>
      <c r="L168" s="7" t="s">
        <v>542</v>
      </c>
    </row>
    <row r="169" spans="1:12" ht="15.2" customHeight="1">
      <c r="A169" s="7" t="s">
        <v>502</v>
      </c>
      <c r="B169" s="7" t="s">
        <v>70</v>
      </c>
      <c r="C169" s="7"/>
      <c r="D169" s="7" t="s">
        <v>543</v>
      </c>
      <c r="E169" s="7" t="s">
        <v>536</v>
      </c>
      <c r="F169" s="7" t="s">
        <v>544</v>
      </c>
      <c r="G169" s="7">
        <v>4</v>
      </c>
      <c r="H169" s="7" t="s">
        <v>545</v>
      </c>
      <c r="I169" s="7">
        <v>2020</v>
      </c>
      <c r="J169" s="7" t="s">
        <v>19</v>
      </c>
      <c r="K169" s="7"/>
      <c r="L169" s="7" t="s">
        <v>546</v>
      </c>
    </row>
    <row r="170" spans="1:12" ht="15.2" customHeight="1">
      <c r="A170" s="7" t="s">
        <v>502</v>
      </c>
      <c r="B170" s="7" t="s">
        <v>547</v>
      </c>
      <c r="C170" s="7"/>
      <c r="D170" s="7" t="s">
        <v>548</v>
      </c>
      <c r="E170" s="7" t="s">
        <v>536</v>
      </c>
      <c r="F170" s="7" t="s">
        <v>549</v>
      </c>
      <c r="G170" s="7">
        <v>11</v>
      </c>
      <c r="H170" s="7" t="s">
        <v>18</v>
      </c>
      <c r="I170" s="7">
        <v>2020</v>
      </c>
      <c r="J170" s="7" t="s">
        <v>19</v>
      </c>
      <c r="K170" s="7"/>
      <c r="L170" s="7" t="s">
        <v>550</v>
      </c>
    </row>
    <row r="171" spans="1:12" ht="15.2" customHeight="1">
      <c r="A171" s="7" t="s">
        <v>502</v>
      </c>
      <c r="B171" s="7" t="s">
        <v>75</v>
      </c>
      <c r="C171" s="7"/>
      <c r="D171" s="7" t="s">
        <v>551</v>
      </c>
      <c r="E171" s="7" t="s">
        <v>536</v>
      </c>
      <c r="F171" s="7" t="s">
        <v>552</v>
      </c>
      <c r="G171" s="7">
        <v>1</v>
      </c>
      <c r="H171" s="7" t="s">
        <v>18</v>
      </c>
      <c r="I171" s="7">
        <v>2020</v>
      </c>
      <c r="J171" s="7" t="s">
        <v>19</v>
      </c>
      <c r="K171" s="7"/>
      <c r="L171" s="7" t="s">
        <v>553</v>
      </c>
    </row>
    <row r="172" spans="1:12" ht="15.2" customHeight="1">
      <c r="A172" s="7" t="s">
        <v>502</v>
      </c>
      <c r="B172" s="7" t="s">
        <v>554</v>
      </c>
      <c r="C172" s="7"/>
      <c r="D172" s="7" t="s">
        <v>555</v>
      </c>
      <c r="E172" s="7" t="s">
        <v>536</v>
      </c>
      <c r="F172" s="7" t="s">
        <v>556</v>
      </c>
      <c r="G172" s="7">
        <v>8</v>
      </c>
      <c r="H172" s="7" t="s">
        <v>545</v>
      </c>
      <c r="I172" s="7">
        <v>2020</v>
      </c>
      <c r="J172" s="7" t="s">
        <v>19</v>
      </c>
      <c r="K172" s="7"/>
      <c r="L172" s="7" t="s">
        <v>557</v>
      </c>
    </row>
    <row r="173" spans="1:12" ht="15.2" customHeight="1">
      <c r="A173" s="7" t="s">
        <v>502</v>
      </c>
      <c r="B173" s="7" t="s">
        <v>79</v>
      </c>
      <c r="C173" s="7"/>
      <c r="D173" s="7" t="s">
        <v>558</v>
      </c>
      <c r="E173" s="7" t="s">
        <v>536</v>
      </c>
      <c r="F173" s="7" t="s">
        <v>559</v>
      </c>
      <c r="G173" s="7">
        <v>7</v>
      </c>
      <c r="H173" s="7" t="s">
        <v>18</v>
      </c>
      <c r="I173" s="7">
        <v>2020</v>
      </c>
      <c r="J173" s="7" t="s">
        <v>19</v>
      </c>
      <c r="K173" s="7"/>
      <c r="L173" s="7" t="s">
        <v>560</v>
      </c>
    </row>
    <row r="174" spans="1:12" ht="15.2" customHeight="1">
      <c r="A174" s="7" t="s">
        <v>502</v>
      </c>
      <c r="B174" s="7" t="s">
        <v>561</v>
      </c>
      <c r="C174" s="7"/>
      <c r="D174" s="7" t="s">
        <v>562</v>
      </c>
      <c r="E174" s="7" t="s">
        <v>536</v>
      </c>
      <c r="F174" s="7" t="s">
        <v>563</v>
      </c>
      <c r="G174" s="7">
        <v>2</v>
      </c>
      <c r="H174" s="7" t="s">
        <v>18</v>
      </c>
      <c r="I174" s="7">
        <v>2020</v>
      </c>
      <c r="J174" s="7" t="s">
        <v>19</v>
      </c>
      <c r="K174" s="7"/>
      <c r="L174" s="7" t="s">
        <v>564</v>
      </c>
    </row>
    <row r="175" spans="1:12" ht="15.2" customHeight="1">
      <c r="A175" s="7" t="s">
        <v>502</v>
      </c>
      <c r="B175" s="7" t="s">
        <v>85</v>
      </c>
      <c r="C175" s="7"/>
      <c r="D175" s="7" t="s">
        <v>565</v>
      </c>
      <c r="E175" s="7" t="s">
        <v>536</v>
      </c>
      <c r="F175" s="7" t="s">
        <v>566</v>
      </c>
      <c r="G175" s="7">
        <v>5</v>
      </c>
      <c r="H175" s="7" t="s">
        <v>18</v>
      </c>
      <c r="I175" s="7">
        <v>2020</v>
      </c>
      <c r="J175" s="7" t="s">
        <v>19</v>
      </c>
      <c r="K175" s="7"/>
      <c r="L175" s="7" t="s">
        <v>567</v>
      </c>
    </row>
    <row r="176" spans="1:12" ht="15.2" customHeight="1">
      <c r="A176" s="7" t="s">
        <v>502</v>
      </c>
      <c r="B176" s="7" t="s">
        <v>568</v>
      </c>
      <c r="C176" s="7"/>
      <c r="D176" s="7" t="s">
        <v>569</v>
      </c>
      <c r="E176" s="7" t="s">
        <v>536</v>
      </c>
      <c r="F176" s="7" t="s">
        <v>570</v>
      </c>
      <c r="G176" s="7">
        <v>12</v>
      </c>
      <c r="H176" s="7" t="s">
        <v>18</v>
      </c>
      <c r="I176" s="7">
        <v>2020</v>
      </c>
      <c r="J176" s="7" t="s">
        <v>19</v>
      </c>
      <c r="K176" s="7"/>
      <c r="L176" s="7" t="s">
        <v>571</v>
      </c>
    </row>
    <row r="177" spans="1:24" ht="15.2" customHeight="1">
      <c r="A177" s="7" t="s">
        <v>502</v>
      </c>
      <c r="B177" s="7" t="s">
        <v>91</v>
      </c>
      <c r="C177" s="7" t="s">
        <v>572</v>
      </c>
      <c r="D177" s="7" t="s">
        <v>573</v>
      </c>
      <c r="E177" s="7" t="s">
        <v>291</v>
      </c>
      <c r="F177" s="7" t="s">
        <v>574</v>
      </c>
      <c r="G177" s="7">
        <v>5</v>
      </c>
      <c r="H177" s="7" t="s">
        <v>36</v>
      </c>
      <c r="I177" s="7">
        <v>2016</v>
      </c>
      <c r="J177" s="7" t="s">
        <v>293</v>
      </c>
      <c r="K177" s="7"/>
      <c r="L177" s="7" t="s">
        <v>575</v>
      </c>
    </row>
    <row r="178" spans="1:24" ht="15.2" customHeight="1">
      <c r="A178" s="7" t="s">
        <v>502</v>
      </c>
      <c r="B178" s="7" t="s">
        <v>98</v>
      </c>
      <c r="C178" s="7" t="s">
        <v>576</v>
      </c>
      <c r="D178" s="7" t="s">
        <v>296</v>
      </c>
      <c r="E178" s="7" t="s">
        <v>291</v>
      </c>
      <c r="F178" s="7" t="s">
        <v>577</v>
      </c>
      <c r="G178" s="7">
        <v>1</v>
      </c>
      <c r="H178" s="7" t="s">
        <v>96</v>
      </c>
      <c r="I178" s="7">
        <v>2016</v>
      </c>
      <c r="J178" s="7" t="s">
        <v>293</v>
      </c>
      <c r="K178" s="7"/>
      <c r="L178" s="7" t="s">
        <v>578</v>
      </c>
    </row>
    <row r="179" spans="1:24" ht="15.2" customHeight="1">
      <c r="A179" s="7" t="s">
        <v>502</v>
      </c>
      <c r="B179" s="7" t="s">
        <v>197</v>
      </c>
      <c r="C179" s="7"/>
      <c r="D179" s="7" t="s">
        <v>579</v>
      </c>
      <c r="E179" s="7" t="s">
        <v>300</v>
      </c>
      <c r="F179" s="7" t="s">
        <v>580</v>
      </c>
      <c r="G179" s="7">
        <v>8</v>
      </c>
      <c r="H179" s="7" t="s">
        <v>278</v>
      </c>
      <c r="I179" s="7">
        <v>2019</v>
      </c>
      <c r="J179" s="7" t="s">
        <v>302</v>
      </c>
      <c r="K179" s="7"/>
      <c r="L179" s="7" t="s">
        <v>581</v>
      </c>
    </row>
    <row r="180" spans="1:24" ht="15.2" customHeight="1">
      <c r="A180" s="7" t="s">
        <v>502</v>
      </c>
      <c r="B180" s="7" t="s">
        <v>105</v>
      </c>
      <c r="C180" s="7"/>
      <c r="D180" s="7" t="s">
        <v>582</v>
      </c>
      <c r="E180" s="7" t="s">
        <v>300</v>
      </c>
      <c r="F180" s="7" t="s">
        <v>583</v>
      </c>
      <c r="G180" s="7">
        <v>3</v>
      </c>
      <c r="H180" s="7" t="s">
        <v>278</v>
      </c>
      <c r="I180" s="7">
        <v>2019</v>
      </c>
      <c r="J180" s="7" t="s">
        <v>302</v>
      </c>
      <c r="K180" s="7"/>
      <c r="L180" s="7" t="s">
        <v>584</v>
      </c>
    </row>
    <row r="181" spans="1:24" s="1" customFormat="1" ht="15.2" customHeight="1">
      <c r="A181" s="7" t="s">
        <v>502</v>
      </c>
      <c r="B181" s="7" t="s">
        <v>111</v>
      </c>
      <c r="C181" s="7" t="s">
        <v>585</v>
      </c>
      <c r="D181" s="7" t="s">
        <v>586</v>
      </c>
      <c r="E181" s="7" t="s">
        <v>138</v>
      </c>
      <c r="F181" s="7" t="s">
        <v>587</v>
      </c>
      <c r="G181" s="7">
        <v>5</v>
      </c>
      <c r="H181" s="7" t="s">
        <v>96</v>
      </c>
      <c r="I181" s="7">
        <v>2010</v>
      </c>
      <c r="J181" s="7" t="s">
        <v>63</v>
      </c>
      <c r="K181" s="7"/>
      <c r="L181" s="7" t="s">
        <v>588</v>
      </c>
      <c r="M181" s="5"/>
      <c r="N181" s="5"/>
      <c r="O181" s="5"/>
      <c r="P181" s="5"/>
      <c r="Q181" s="5"/>
      <c r="R181" s="5"/>
      <c r="S181" s="5"/>
      <c r="T181" s="5"/>
      <c r="U181" s="5"/>
      <c r="V181" s="5"/>
      <c r="W181" s="5"/>
      <c r="X181" s="5"/>
    </row>
    <row r="182" spans="1:24" ht="15.2" customHeight="1">
      <c r="A182" s="7" t="s">
        <v>502</v>
      </c>
      <c r="B182" s="7" t="s">
        <v>115</v>
      </c>
      <c r="C182" s="7" t="s">
        <v>589</v>
      </c>
      <c r="D182" s="7" t="s">
        <v>590</v>
      </c>
      <c r="E182" s="7" t="s">
        <v>138</v>
      </c>
      <c r="F182" s="7" t="s">
        <v>591</v>
      </c>
      <c r="G182" s="7">
        <v>6</v>
      </c>
      <c r="H182" s="7" t="s">
        <v>96</v>
      </c>
      <c r="I182" s="7">
        <v>2010</v>
      </c>
      <c r="J182" s="7" t="s">
        <v>63</v>
      </c>
      <c r="K182" s="7"/>
      <c r="L182" s="7" t="s">
        <v>592</v>
      </c>
    </row>
    <row r="183" spans="1:24" ht="15.2" customHeight="1">
      <c r="A183" s="7" t="s">
        <v>502</v>
      </c>
      <c r="B183" s="7" t="s">
        <v>119</v>
      </c>
      <c r="C183" s="7" t="s">
        <v>593</v>
      </c>
      <c r="D183" s="7" t="s">
        <v>594</v>
      </c>
      <c r="E183" s="7" t="s">
        <v>138</v>
      </c>
      <c r="F183" s="7" t="s">
        <v>595</v>
      </c>
      <c r="G183" s="7">
        <v>7</v>
      </c>
      <c r="H183" s="7" t="s">
        <v>145</v>
      </c>
      <c r="I183" s="7">
        <v>2010</v>
      </c>
      <c r="J183" s="7" t="s">
        <v>63</v>
      </c>
      <c r="K183" s="7"/>
      <c r="L183" s="7" t="s">
        <v>596</v>
      </c>
    </row>
    <row r="184" spans="1:24" ht="15.2" customHeight="1">
      <c r="A184" s="7" t="s">
        <v>502</v>
      </c>
      <c r="B184" s="7" t="s">
        <v>124</v>
      </c>
      <c r="C184" s="7" t="s">
        <v>597</v>
      </c>
      <c r="D184" s="7" t="s">
        <v>598</v>
      </c>
      <c r="E184" s="7" t="s">
        <v>599</v>
      </c>
      <c r="F184" s="7" t="s">
        <v>600</v>
      </c>
      <c r="G184" s="7">
        <v>1</v>
      </c>
      <c r="H184" s="7" t="s">
        <v>36</v>
      </c>
      <c r="I184" s="7">
        <v>2017</v>
      </c>
      <c r="J184" s="7" t="s">
        <v>63</v>
      </c>
      <c r="K184" s="7"/>
      <c r="L184" s="7" t="s">
        <v>601</v>
      </c>
    </row>
    <row r="185" spans="1:24" ht="15.2" customHeight="1">
      <c r="A185" s="7" t="s">
        <v>502</v>
      </c>
      <c r="B185" s="7" t="s">
        <v>129</v>
      </c>
      <c r="C185" s="7" t="s">
        <v>136</v>
      </c>
      <c r="D185" s="7" t="s">
        <v>137</v>
      </c>
      <c r="E185" s="7" t="s">
        <v>138</v>
      </c>
      <c r="F185" s="7" t="s">
        <v>139</v>
      </c>
      <c r="G185" s="7">
        <v>1</v>
      </c>
      <c r="H185" s="7" t="s">
        <v>96</v>
      </c>
      <c r="I185" s="7">
        <v>2010</v>
      </c>
      <c r="J185" s="7" t="s">
        <v>63</v>
      </c>
      <c r="K185" s="7"/>
      <c r="L185" s="7" t="s">
        <v>140</v>
      </c>
    </row>
    <row r="186" spans="1:24" ht="15.2" customHeight="1">
      <c r="A186" s="7" t="s">
        <v>502</v>
      </c>
      <c r="B186" s="7" t="s">
        <v>130</v>
      </c>
      <c r="C186" s="7" t="s">
        <v>142</v>
      </c>
      <c r="D186" s="7" t="s">
        <v>143</v>
      </c>
      <c r="E186" s="7" t="s">
        <v>138</v>
      </c>
      <c r="F186" s="7" t="s">
        <v>144</v>
      </c>
      <c r="G186" s="7">
        <v>2</v>
      </c>
      <c r="H186" s="7" t="s">
        <v>145</v>
      </c>
      <c r="I186" s="7">
        <v>2010</v>
      </c>
      <c r="J186" s="7" t="s">
        <v>63</v>
      </c>
      <c r="K186" s="7"/>
      <c r="L186" s="7" t="s">
        <v>146</v>
      </c>
    </row>
    <row r="187" spans="1:24" ht="15.2" customHeight="1">
      <c r="A187" s="7" t="s">
        <v>502</v>
      </c>
      <c r="B187" s="7" t="s">
        <v>131</v>
      </c>
      <c r="C187" s="7" t="s">
        <v>183</v>
      </c>
      <c r="D187" s="7" t="s">
        <v>184</v>
      </c>
      <c r="E187" s="7" t="s">
        <v>138</v>
      </c>
      <c r="F187" s="7" t="s">
        <v>185</v>
      </c>
      <c r="G187" s="7">
        <v>3</v>
      </c>
      <c r="H187" s="7" t="s">
        <v>96</v>
      </c>
      <c r="I187" s="7">
        <v>2010</v>
      </c>
      <c r="J187" s="7" t="s">
        <v>63</v>
      </c>
      <c r="K187" s="7"/>
      <c r="L187" s="7" t="s">
        <v>186</v>
      </c>
    </row>
    <row r="188" spans="1:24" ht="15.2" customHeight="1">
      <c r="A188" s="7" t="s">
        <v>502</v>
      </c>
      <c r="B188" s="7" t="s">
        <v>132</v>
      </c>
      <c r="C188" s="7" t="s">
        <v>187</v>
      </c>
      <c r="D188" s="7" t="s">
        <v>188</v>
      </c>
      <c r="E188" s="7" t="s">
        <v>138</v>
      </c>
      <c r="F188" s="7" t="s">
        <v>189</v>
      </c>
      <c r="G188" s="7">
        <v>4</v>
      </c>
      <c r="H188" s="7" t="s">
        <v>96</v>
      </c>
      <c r="I188" s="7">
        <v>2010</v>
      </c>
      <c r="J188" s="7" t="s">
        <v>63</v>
      </c>
      <c r="K188" s="7"/>
      <c r="L188" s="7" t="s">
        <v>190</v>
      </c>
    </row>
    <row r="189" spans="1:24" ht="15.2" customHeight="1">
      <c r="A189" s="7" t="s">
        <v>502</v>
      </c>
      <c r="B189" s="7" t="s">
        <v>133</v>
      </c>
      <c r="C189" s="7" t="s">
        <v>505</v>
      </c>
      <c r="D189" s="7" t="s">
        <v>226</v>
      </c>
      <c r="E189" s="7" t="s">
        <v>227</v>
      </c>
      <c r="F189" s="7" t="s">
        <v>506</v>
      </c>
      <c r="G189" s="7">
        <v>7</v>
      </c>
      <c r="H189" s="7" t="s">
        <v>229</v>
      </c>
      <c r="I189" s="7">
        <v>2007</v>
      </c>
      <c r="J189" s="7" t="s">
        <v>19</v>
      </c>
      <c r="K189" s="7"/>
      <c r="L189" s="7" t="s">
        <v>507</v>
      </c>
    </row>
    <row r="190" spans="1:24" ht="15.2" customHeight="1">
      <c r="A190" s="7" t="s">
        <v>502</v>
      </c>
      <c r="B190" s="7" t="s">
        <v>134</v>
      </c>
      <c r="C190" s="7" t="s">
        <v>508</v>
      </c>
      <c r="D190" s="7" t="s">
        <v>509</v>
      </c>
      <c r="E190" s="7" t="s">
        <v>227</v>
      </c>
      <c r="F190" s="7" t="s">
        <v>510</v>
      </c>
      <c r="G190" s="7">
        <v>8</v>
      </c>
      <c r="H190" s="7" t="s">
        <v>229</v>
      </c>
      <c r="I190" s="7">
        <v>2007</v>
      </c>
      <c r="J190" s="7" t="s">
        <v>19</v>
      </c>
      <c r="K190" s="7"/>
      <c r="L190" s="7" t="s">
        <v>511</v>
      </c>
    </row>
    <row r="191" spans="1:24" ht="15.2" customHeight="1">
      <c r="A191" s="7" t="s">
        <v>502</v>
      </c>
      <c r="B191" s="7" t="s">
        <v>135</v>
      </c>
      <c r="C191" s="7" t="s">
        <v>520</v>
      </c>
      <c r="D191" s="7" t="s">
        <v>521</v>
      </c>
      <c r="E191" s="7" t="s">
        <v>246</v>
      </c>
      <c r="F191" s="7" t="s">
        <v>522</v>
      </c>
      <c r="G191" s="7">
        <v>2</v>
      </c>
      <c r="H191" s="7" t="s">
        <v>238</v>
      </c>
      <c r="I191" s="7">
        <v>2010</v>
      </c>
      <c r="J191" s="7" t="s">
        <v>63</v>
      </c>
      <c r="K191" s="7"/>
      <c r="L191" s="7" t="s">
        <v>523</v>
      </c>
    </row>
    <row r="192" spans="1:24" ht="15.2" customHeight="1">
      <c r="A192" s="7" t="s">
        <v>502</v>
      </c>
      <c r="B192" s="7" t="s">
        <v>141</v>
      </c>
      <c r="C192" s="7" t="s">
        <v>524</v>
      </c>
      <c r="D192" s="7" t="s">
        <v>525</v>
      </c>
      <c r="E192" s="7" t="s">
        <v>246</v>
      </c>
      <c r="F192" s="7" t="s">
        <v>526</v>
      </c>
      <c r="G192" s="7">
        <v>3</v>
      </c>
      <c r="H192" s="7" t="s">
        <v>96</v>
      </c>
      <c r="I192" s="7">
        <v>2010</v>
      </c>
      <c r="J192" s="7" t="s">
        <v>63</v>
      </c>
      <c r="K192" s="7"/>
      <c r="L192" s="7" t="s">
        <v>527</v>
      </c>
    </row>
    <row r="193" spans="1:12" ht="15.2" customHeight="1">
      <c r="A193" s="7" t="s">
        <v>502</v>
      </c>
      <c r="B193" s="7" t="s">
        <v>147</v>
      </c>
      <c r="C193" s="7" t="s">
        <v>528</v>
      </c>
      <c r="D193" s="7" t="s">
        <v>529</v>
      </c>
      <c r="E193" s="7" t="s">
        <v>262</v>
      </c>
      <c r="F193" s="7" t="s">
        <v>530</v>
      </c>
      <c r="G193" s="7">
        <v>7</v>
      </c>
      <c r="H193" s="7" t="s">
        <v>36</v>
      </c>
      <c r="I193" s="7">
        <v>2017</v>
      </c>
      <c r="J193" s="7" t="s">
        <v>19</v>
      </c>
      <c r="K193" s="7"/>
      <c r="L193" s="7" t="s">
        <v>531</v>
      </c>
    </row>
    <row r="194" spans="1:12" ht="15.2" customHeight="1">
      <c r="A194" s="7" t="s">
        <v>602</v>
      </c>
      <c r="B194" s="7" t="s">
        <v>14</v>
      </c>
      <c r="C194" s="7" t="s">
        <v>603</v>
      </c>
      <c r="D194" s="7" t="s">
        <v>16</v>
      </c>
      <c r="E194" s="7" t="s">
        <v>16</v>
      </c>
      <c r="F194" s="7" t="s">
        <v>604</v>
      </c>
      <c r="G194" s="7">
        <v>29</v>
      </c>
      <c r="H194" s="7" t="s">
        <v>253</v>
      </c>
      <c r="I194" s="7">
        <v>2015</v>
      </c>
      <c r="J194" s="7" t="s">
        <v>19</v>
      </c>
      <c r="K194" s="7"/>
      <c r="L194" s="7" t="s">
        <v>605</v>
      </c>
    </row>
    <row r="195" spans="1:12" ht="15.2" customHeight="1">
      <c r="A195" s="7" t="s">
        <v>602</v>
      </c>
      <c r="B195" s="7" t="s">
        <v>21</v>
      </c>
      <c r="C195" s="7" t="s">
        <v>606</v>
      </c>
      <c r="D195" s="7" t="s">
        <v>226</v>
      </c>
      <c r="E195" s="7" t="s">
        <v>227</v>
      </c>
      <c r="F195" s="7" t="s">
        <v>607</v>
      </c>
      <c r="G195" s="7">
        <v>9</v>
      </c>
      <c r="H195" s="7" t="s">
        <v>229</v>
      </c>
      <c r="I195" s="7">
        <v>2007</v>
      </c>
      <c r="J195" s="7" t="s">
        <v>19</v>
      </c>
      <c r="K195" s="7"/>
      <c r="L195" s="7" t="s">
        <v>608</v>
      </c>
    </row>
    <row r="196" spans="1:12" ht="15.2" customHeight="1">
      <c r="A196" s="7" t="s">
        <v>602</v>
      </c>
      <c r="B196" s="7" t="s">
        <v>27</v>
      </c>
      <c r="C196" s="7" t="s">
        <v>609</v>
      </c>
      <c r="D196" s="7" t="s">
        <v>226</v>
      </c>
      <c r="E196" s="7" t="s">
        <v>227</v>
      </c>
      <c r="F196" s="7" t="s">
        <v>610</v>
      </c>
      <c r="G196" s="7">
        <v>10</v>
      </c>
      <c r="H196" s="7" t="s">
        <v>229</v>
      </c>
      <c r="I196" s="7">
        <v>2007</v>
      </c>
      <c r="J196" s="7" t="s">
        <v>19</v>
      </c>
      <c r="K196" s="7"/>
      <c r="L196" s="7" t="s">
        <v>611</v>
      </c>
    </row>
    <row r="197" spans="1:12" ht="15.2" customHeight="1">
      <c r="A197" s="7" t="s">
        <v>602</v>
      </c>
      <c r="B197" s="7" t="s">
        <v>31</v>
      </c>
      <c r="C197" s="7" t="s">
        <v>612</v>
      </c>
      <c r="D197" s="7" t="s">
        <v>613</v>
      </c>
      <c r="E197" s="7" t="s">
        <v>236</v>
      </c>
      <c r="F197" s="7" t="s">
        <v>614</v>
      </c>
      <c r="G197" s="7">
        <v>3</v>
      </c>
      <c r="H197" s="7" t="s">
        <v>96</v>
      </c>
      <c r="I197" s="7">
        <v>2010</v>
      </c>
      <c r="J197" s="7" t="s">
        <v>53</v>
      </c>
      <c r="K197" s="7"/>
      <c r="L197" s="7" t="s">
        <v>615</v>
      </c>
    </row>
    <row r="198" spans="1:12" ht="15.2" customHeight="1">
      <c r="A198" s="7" t="s">
        <v>602</v>
      </c>
      <c r="B198" s="7" t="s">
        <v>38</v>
      </c>
      <c r="C198" s="7" t="s">
        <v>616</v>
      </c>
      <c r="D198" s="7" t="s">
        <v>617</v>
      </c>
      <c r="E198" s="7" t="s">
        <v>236</v>
      </c>
      <c r="F198" s="7" t="s">
        <v>618</v>
      </c>
      <c r="G198" s="7">
        <v>6</v>
      </c>
      <c r="H198" s="7" t="s">
        <v>238</v>
      </c>
      <c r="I198" s="7">
        <v>2009</v>
      </c>
      <c r="J198" s="7" t="s">
        <v>53</v>
      </c>
      <c r="K198" s="7"/>
      <c r="L198" s="7" t="s">
        <v>619</v>
      </c>
    </row>
    <row r="199" spans="1:12" ht="15.2" customHeight="1">
      <c r="A199" s="7" t="s">
        <v>602</v>
      </c>
      <c r="B199" s="7" t="s">
        <v>43</v>
      </c>
      <c r="C199" s="7" t="s">
        <v>620</v>
      </c>
      <c r="D199" s="7" t="s">
        <v>621</v>
      </c>
      <c r="E199" s="7" t="s">
        <v>246</v>
      </c>
      <c r="F199" s="7" t="s">
        <v>622</v>
      </c>
      <c r="G199" s="7">
        <v>3</v>
      </c>
      <c r="H199" s="7" t="s">
        <v>238</v>
      </c>
      <c r="I199" s="7">
        <v>2010</v>
      </c>
      <c r="J199" s="7" t="s">
        <v>63</v>
      </c>
      <c r="K199" s="7"/>
      <c r="L199" s="7" t="s">
        <v>623</v>
      </c>
    </row>
    <row r="200" spans="1:12" ht="15.2" customHeight="1">
      <c r="A200" s="7" t="s">
        <v>602</v>
      </c>
      <c r="B200" s="7" t="s">
        <v>48</v>
      </c>
      <c r="C200" s="7" t="s">
        <v>624</v>
      </c>
      <c r="D200" s="7" t="s">
        <v>625</v>
      </c>
      <c r="E200" s="7" t="s">
        <v>246</v>
      </c>
      <c r="F200" s="7" t="s">
        <v>626</v>
      </c>
      <c r="G200" s="7">
        <v>4</v>
      </c>
      <c r="H200" s="7" t="s">
        <v>96</v>
      </c>
      <c r="I200" s="7">
        <v>2010</v>
      </c>
      <c r="J200" s="7" t="s">
        <v>63</v>
      </c>
      <c r="K200" s="7"/>
      <c r="L200" s="7" t="s">
        <v>627</v>
      </c>
    </row>
    <row r="201" spans="1:12" ht="15.2" customHeight="1">
      <c r="A201" s="7" t="s">
        <v>602</v>
      </c>
      <c r="B201" s="7" t="s">
        <v>55</v>
      </c>
      <c r="C201" s="7" t="s">
        <v>628</v>
      </c>
      <c r="D201" s="7" t="s">
        <v>629</v>
      </c>
      <c r="E201" s="7" t="s">
        <v>262</v>
      </c>
      <c r="F201" s="7" t="s">
        <v>630</v>
      </c>
      <c r="G201" s="7">
        <v>1</v>
      </c>
      <c r="H201" s="7" t="s">
        <v>264</v>
      </c>
      <c r="I201" s="7">
        <v>2017</v>
      </c>
      <c r="J201" s="7" t="s">
        <v>19</v>
      </c>
      <c r="K201" s="7"/>
      <c r="L201" s="7" t="s">
        <v>631</v>
      </c>
    </row>
    <row r="202" spans="1:12" ht="15.2" customHeight="1">
      <c r="A202" s="7" t="s">
        <v>602</v>
      </c>
      <c r="B202" s="7" t="s">
        <v>59</v>
      </c>
      <c r="C202" s="7" t="s">
        <v>632</v>
      </c>
      <c r="D202" s="7" t="s">
        <v>633</v>
      </c>
      <c r="E202" s="7" t="s">
        <v>262</v>
      </c>
      <c r="F202" s="7" t="s">
        <v>634</v>
      </c>
      <c r="G202" s="7">
        <v>10</v>
      </c>
      <c r="H202" s="7" t="s">
        <v>36</v>
      </c>
      <c r="I202" s="7">
        <v>2015</v>
      </c>
      <c r="J202" s="7" t="s">
        <v>19</v>
      </c>
      <c r="K202" s="7"/>
      <c r="L202" s="7" t="s">
        <v>269</v>
      </c>
    </row>
    <row r="203" spans="1:12" ht="15.2" customHeight="1">
      <c r="A203" s="7" t="s">
        <v>602</v>
      </c>
      <c r="B203" s="7" t="s">
        <v>65</v>
      </c>
      <c r="C203" s="7" t="s">
        <v>635</v>
      </c>
      <c r="D203" s="7" t="s">
        <v>636</v>
      </c>
      <c r="E203" s="7" t="s">
        <v>637</v>
      </c>
      <c r="F203" s="7" t="s">
        <v>638</v>
      </c>
      <c r="G203" s="7">
        <v>1</v>
      </c>
      <c r="H203" s="7" t="s">
        <v>96</v>
      </c>
      <c r="I203" s="7">
        <v>2012</v>
      </c>
      <c r="J203" s="7" t="s">
        <v>19</v>
      </c>
      <c r="K203" s="7" t="s">
        <v>639</v>
      </c>
      <c r="L203" s="7" t="s">
        <v>640</v>
      </c>
    </row>
    <row r="204" spans="1:12" ht="15.2" customHeight="1">
      <c r="A204" s="7" t="s">
        <v>602</v>
      </c>
      <c r="B204" s="7" t="s">
        <v>70</v>
      </c>
      <c r="C204" s="7" t="s">
        <v>641</v>
      </c>
      <c r="D204" s="7" t="s">
        <v>642</v>
      </c>
      <c r="E204" s="7" t="s">
        <v>643</v>
      </c>
      <c r="F204" s="7" t="s">
        <v>644</v>
      </c>
      <c r="G204" s="7">
        <v>1</v>
      </c>
      <c r="H204" s="7" t="s">
        <v>96</v>
      </c>
      <c r="I204" s="7">
        <v>2018</v>
      </c>
      <c r="J204" s="7" t="s">
        <v>63</v>
      </c>
      <c r="K204" s="7"/>
      <c r="L204" s="7" t="s">
        <v>645</v>
      </c>
    </row>
    <row r="205" spans="1:12" ht="15.2" customHeight="1">
      <c r="A205" s="7" t="s">
        <v>602</v>
      </c>
      <c r="B205" s="7" t="s">
        <v>75</v>
      </c>
      <c r="C205" s="7" t="s">
        <v>178</v>
      </c>
      <c r="D205" s="7" t="s">
        <v>179</v>
      </c>
      <c r="E205" s="7" t="s">
        <v>180</v>
      </c>
      <c r="F205" s="7" t="s">
        <v>181</v>
      </c>
      <c r="G205" s="7">
        <v>1</v>
      </c>
      <c r="H205" s="7" t="s">
        <v>96</v>
      </c>
      <c r="I205" s="7">
        <v>2014</v>
      </c>
      <c r="J205" s="7" t="s">
        <v>63</v>
      </c>
      <c r="K205" s="7"/>
      <c r="L205" s="7" t="s">
        <v>182</v>
      </c>
    </row>
    <row r="206" spans="1:12" ht="15.2" customHeight="1">
      <c r="A206" s="7" t="s">
        <v>602</v>
      </c>
      <c r="B206" s="7" t="s">
        <v>79</v>
      </c>
      <c r="C206" s="7" t="s">
        <v>646</v>
      </c>
      <c r="D206" s="7" t="s">
        <v>647</v>
      </c>
      <c r="E206" s="7" t="s">
        <v>648</v>
      </c>
      <c r="F206" s="7" t="s">
        <v>649</v>
      </c>
      <c r="G206" s="7">
        <v>1</v>
      </c>
      <c r="H206" s="7" t="s">
        <v>36</v>
      </c>
      <c r="I206" s="7">
        <v>2018</v>
      </c>
      <c r="J206" s="7" t="s">
        <v>63</v>
      </c>
      <c r="K206" s="7"/>
      <c r="L206" s="7" t="s">
        <v>650</v>
      </c>
    </row>
    <row r="207" spans="1:12" ht="15.2" customHeight="1">
      <c r="A207" s="7" t="s">
        <v>602</v>
      </c>
      <c r="B207" s="7" t="s">
        <v>85</v>
      </c>
      <c r="C207" s="7" t="s">
        <v>651</v>
      </c>
      <c r="D207" s="7" t="s">
        <v>652</v>
      </c>
      <c r="E207" s="7" t="s">
        <v>653</v>
      </c>
      <c r="F207" s="7" t="s">
        <v>654</v>
      </c>
      <c r="G207" s="7">
        <v>1</v>
      </c>
      <c r="H207" s="7" t="s">
        <v>96</v>
      </c>
      <c r="I207" s="7">
        <v>2018</v>
      </c>
      <c r="J207" s="7" t="s">
        <v>63</v>
      </c>
      <c r="K207" s="7"/>
      <c r="L207" s="7" t="s">
        <v>655</v>
      </c>
    </row>
    <row r="208" spans="1:12" ht="15.2" customHeight="1">
      <c r="A208" s="7" t="s">
        <v>602</v>
      </c>
      <c r="B208" s="7" t="s">
        <v>91</v>
      </c>
      <c r="C208" s="7" t="s">
        <v>656</v>
      </c>
      <c r="D208" s="7" t="s">
        <v>657</v>
      </c>
      <c r="E208" s="7" t="s">
        <v>291</v>
      </c>
      <c r="F208" s="7" t="s">
        <v>658</v>
      </c>
      <c r="G208" s="7">
        <v>10</v>
      </c>
      <c r="H208" s="7" t="s">
        <v>264</v>
      </c>
      <c r="I208" s="7">
        <v>2016</v>
      </c>
      <c r="J208" s="7" t="s">
        <v>293</v>
      </c>
      <c r="K208" s="7"/>
      <c r="L208" s="7" t="s">
        <v>659</v>
      </c>
    </row>
    <row r="209" spans="1:12" ht="15.2" customHeight="1">
      <c r="A209" s="7" t="s">
        <v>602</v>
      </c>
      <c r="B209" s="7" t="s">
        <v>98</v>
      </c>
      <c r="C209" s="7" t="s">
        <v>660</v>
      </c>
      <c r="D209" s="7" t="s">
        <v>661</v>
      </c>
      <c r="E209" s="7" t="s">
        <v>291</v>
      </c>
      <c r="F209" s="7" t="s">
        <v>662</v>
      </c>
      <c r="G209" s="7">
        <v>6</v>
      </c>
      <c r="H209" s="7" t="s">
        <v>36</v>
      </c>
      <c r="I209" s="7">
        <v>2016</v>
      </c>
      <c r="J209" s="7" t="s">
        <v>293</v>
      </c>
      <c r="K209" s="7"/>
      <c r="L209" s="7" t="s">
        <v>663</v>
      </c>
    </row>
    <row r="210" spans="1:12" ht="15.2" customHeight="1">
      <c r="A210" s="7" t="s">
        <v>602</v>
      </c>
      <c r="B210" s="7" t="s">
        <v>197</v>
      </c>
      <c r="C210" s="7" t="s">
        <v>664</v>
      </c>
      <c r="D210" s="7" t="s">
        <v>665</v>
      </c>
      <c r="E210" s="7" t="s">
        <v>666</v>
      </c>
      <c r="F210" s="7" t="s">
        <v>667</v>
      </c>
      <c r="G210" s="7">
        <v>1</v>
      </c>
      <c r="H210" s="7" t="s">
        <v>36</v>
      </c>
      <c r="I210" s="7">
        <v>2019</v>
      </c>
      <c r="J210" s="7" t="s">
        <v>63</v>
      </c>
      <c r="K210" s="7"/>
      <c r="L210" s="7" t="s">
        <v>668</v>
      </c>
    </row>
    <row r="211" spans="1:12" ht="15.2" customHeight="1">
      <c r="A211" s="7" t="s">
        <v>602</v>
      </c>
      <c r="B211" s="7" t="s">
        <v>105</v>
      </c>
      <c r="C211" s="7"/>
      <c r="D211" s="7" t="s">
        <v>669</v>
      </c>
      <c r="E211" s="7" t="s">
        <v>300</v>
      </c>
      <c r="F211" s="7" t="s">
        <v>670</v>
      </c>
      <c r="G211" s="7">
        <v>4</v>
      </c>
      <c r="H211" s="7" t="s">
        <v>278</v>
      </c>
      <c r="I211" s="7">
        <v>2019</v>
      </c>
      <c r="J211" s="7" t="s">
        <v>302</v>
      </c>
      <c r="K211" s="7"/>
      <c r="L211" s="7" t="s">
        <v>671</v>
      </c>
    </row>
    <row r="212" spans="1:12" ht="15.2" customHeight="1">
      <c r="A212" s="7" t="s">
        <v>602</v>
      </c>
      <c r="B212" s="7" t="s">
        <v>111</v>
      </c>
      <c r="C212" s="7" t="s">
        <v>672</v>
      </c>
      <c r="D212" s="7" t="s">
        <v>673</v>
      </c>
      <c r="E212" s="7" t="s">
        <v>34</v>
      </c>
      <c r="F212" s="7" t="s">
        <v>674</v>
      </c>
      <c r="G212" s="7">
        <v>6</v>
      </c>
      <c r="H212" s="7" t="s">
        <v>36</v>
      </c>
      <c r="I212" s="7">
        <v>2018</v>
      </c>
      <c r="J212" s="7" t="s">
        <v>19</v>
      </c>
      <c r="K212" s="7"/>
      <c r="L212" s="7" t="s">
        <v>675</v>
      </c>
    </row>
    <row r="213" spans="1:12" ht="15.2" customHeight="1">
      <c r="A213" s="7" t="s">
        <v>602</v>
      </c>
      <c r="B213" s="7" t="s">
        <v>115</v>
      </c>
      <c r="C213" s="7" t="s">
        <v>676</v>
      </c>
      <c r="D213" s="7" t="s">
        <v>677</v>
      </c>
      <c r="E213" s="7" t="s">
        <v>34</v>
      </c>
      <c r="F213" s="7" t="s">
        <v>678</v>
      </c>
      <c r="G213" s="7">
        <v>5</v>
      </c>
      <c r="H213" s="7" t="s">
        <v>36</v>
      </c>
      <c r="I213" s="7">
        <v>2018</v>
      </c>
      <c r="J213" s="7" t="s">
        <v>19</v>
      </c>
      <c r="K213" s="7"/>
      <c r="L213" s="7" t="s">
        <v>679</v>
      </c>
    </row>
    <row r="214" spans="1:12" ht="15.2" customHeight="1">
      <c r="A214" s="7" t="s">
        <v>602</v>
      </c>
      <c r="B214" s="7" t="s">
        <v>119</v>
      </c>
      <c r="C214" s="7" t="s">
        <v>680</v>
      </c>
      <c r="D214" s="7" t="s">
        <v>681</v>
      </c>
      <c r="E214" s="7" t="s">
        <v>34</v>
      </c>
      <c r="F214" s="7" t="s">
        <v>682</v>
      </c>
      <c r="G214" s="7">
        <v>7</v>
      </c>
      <c r="H214" s="7" t="s">
        <v>36</v>
      </c>
      <c r="I214" s="7">
        <v>2018</v>
      </c>
      <c r="J214" s="7" t="s">
        <v>19</v>
      </c>
      <c r="K214" s="7"/>
      <c r="L214" s="7" t="s">
        <v>683</v>
      </c>
    </row>
    <row r="215" spans="1:12" ht="15.2" customHeight="1">
      <c r="A215" s="7" t="s">
        <v>602</v>
      </c>
      <c r="B215" s="7" t="s">
        <v>124</v>
      </c>
      <c r="C215" s="7" t="s">
        <v>684</v>
      </c>
      <c r="D215" s="7" t="s">
        <v>685</v>
      </c>
      <c r="E215" s="7" t="s">
        <v>34</v>
      </c>
      <c r="F215" s="7" t="s">
        <v>686</v>
      </c>
      <c r="G215" s="7">
        <v>7</v>
      </c>
      <c r="H215" s="7" t="s">
        <v>36</v>
      </c>
      <c r="I215" s="7">
        <v>2017</v>
      </c>
      <c r="J215" s="7" t="s">
        <v>19</v>
      </c>
      <c r="K215" s="7"/>
      <c r="L215" s="7" t="s">
        <v>687</v>
      </c>
    </row>
    <row r="216" spans="1:12" ht="15.2" customHeight="1">
      <c r="A216" s="7" t="s">
        <v>602</v>
      </c>
      <c r="B216" s="7" t="s">
        <v>129</v>
      </c>
      <c r="C216" s="7" t="s">
        <v>32</v>
      </c>
      <c r="D216" s="7" t="s">
        <v>33</v>
      </c>
      <c r="E216" s="7" t="s">
        <v>34</v>
      </c>
      <c r="F216" s="7" t="s">
        <v>35</v>
      </c>
      <c r="G216" s="7">
        <v>3</v>
      </c>
      <c r="H216" s="7" t="s">
        <v>36</v>
      </c>
      <c r="I216" s="7">
        <v>2018</v>
      </c>
      <c r="J216" s="7" t="s">
        <v>19</v>
      </c>
      <c r="K216" s="7"/>
      <c r="L216" s="7" t="s">
        <v>37</v>
      </c>
    </row>
    <row r="217" spans="1:12" ht="15.2" customHeight="1">
      <c r="A217" s="7" t="s">
        <v>602</v>
      </c>
      <c r="B217" s="7" t="s">
        <v>130</v>
      </c>
      <c r="C217" s="7" t="s">
        <v>39</v>
      </c>
      <c r="D217" s="7" t="s">
        <v>40</v>
      </c>
      <c r="E217" s="7" t="s">
        <v>34</v>
      </c>
      <c r="F217" s="7" t="s">
        <v>41</v>
      </c>
      <c r="G217" s="7">
        <v>1</v>
      </c>
      <c r="H217" s="7" t="s">
        <v>36</v>
      </c>
      <c r="I217" s="7">
        <v>2018</v>
      </c>
      <c r="J217" s="7" t="s">
        <v>19</v>
      </c>
      <c r="K217" s="7"/>
      <c r="L217" s="7" t="s">
        <v>42</v>
      </c>
    </row>
    <row r="218" spans="1:12" ht="15.2" customHeight="1">
      <c r="A218" s="7" t="s">
        <v>602</v>
      </c>
      <c r="B218" s="7" t="s">
        <v>131</v>
      </c>
      <c r="C218" s="7" t="s">
        <v>44</v>
      </c>
      <c r="D218" s="7" t="s">
        <v>45</v>
      </c>
      <c r="E218" s="7" t="s">
        <v>34</v>
      </c>
      <c r="F218" s="7" t="s">
        <v>46</v>
      </c>
      <c r="G218" s="7">
        <v>2</v>
      </c>
      <c r="H218" s="7" t="s">
        <v>36</v>
      </c>
      <c r="I218" s="7">
        <v>2018</v>
      </c>
      <c r="J218" s="7" t="s">
        <v>19</v>
      </c>
      <c r="K218" s="7"/>
      <c r="L218" s="7" t="s">
        <v>47</v>
      </c>
    </row>
    <row r="219" spans="1:12" ht="15.2" customHeight="1">
      <c r="A219" s="7" t="s">
        <v>602</v>
      </c>
      <c r="B219" s="7" t="s">
        <v>132</v>
      </c>
      <c r="C219" s="7" t="s">
        <v>688</v>
      </c>
      <c r="D219" s="7" t="s">
        <v>689</v>
      </c>
      <c r="E219" s="7" t="s">
        <v>34</v>
      </c>
      <c r="F219" s="7" t="s">
        <v>690</v>
      </c>
      <c r="G219" s="7">
        <v>5</v>
      </c>
      <c r="H219" s="7" t="s">
        <v>36</v>
      </c>
      <c r="I219" s="7">
        <v>2017</v>
      </c>
      <c r="J219" s="7" t="s">
        <v>19</v>
      </c>
      <c r="K219" s="7"/>
      <c r="L219" s="7" t="s">
        <v>691</v>
      </c>
    </row>
    <row r="220" spans="1:12" ht="15.2" customHeight="1">
      <c r="A220" s="7" t="s">
        <v>602</v>
      </c>
      <c r="B220" s="7" t="s">
        <v>133</v>
      </c>
      <c r="C220" s="7" t="s">
        <v>606</v>
      </c>
      <c r="D220" s="7" t="s">
        <v>226</v>
      </c>
      <c r="E220" s="7" t="s">
        <v>227</v>
      </c>
      <c r="F220" s="7" t="s">
        <v>607</v>
      </c>
      <c r="G220" s="7">
        <v>9</v>
      </c>
      <c r="H220" s="7" t="s">
        <v>229</v>
      </c>
      <c r="I220" s="7">
        <v>2007</v>
      </c>
      <c r="J220" s="7" t="s">
        <v>19</v>
      </c>
      <c r="K220" s="7"/>
      <c r="L220" s="7" t="s">
        <v>608</v>
      </c>
    </row>
    <row r="221" spans="1:12" ht="15.2" customHeight="1">
      <c r="A221" s="7" t="s">
        <v>602</v>
      </c>
      <c r="B221" s="7" t="s">
        <v>134</v>
      </c>
      <c r="C221" s="7" t="s">
        <v>609</v>
      </c>
      <c r="D221" s="7" t="s">
        <v>226</v>
      </c>
      <c r="E221" s="7" t="s">
        <v>227</v>
      </c>
      <c r="F221" s="7" t="s">
        <v>610</v>
      </c>
      <c r="G221" s="7">
        <v>10</v>
      </c>
      <c r="H221" s="7" t="s">
        <v>229</v>
      </c>
      <c r="I221" s="7">
        <v>2007</v>
      </c>
      <c r="J221" s="7" t="s">
        <v>19</v>
      </c>
      <c r="K221" s="7"/>
      <c r="L221" s="7" t="s">
        <v>611</v>
      </c>
    </row>
    <row r="222" spans="1:12" ht="15.2" customHeight="1">
      <c r="A222" s="7" t="s">
        <v>602</v>
      </c>
      <c r="B222" s="7" t="s">
        <v>135</v>
      </c>
      <c r="C222" s="7" t="s">
        <v>620</v>
      </c>
      <c r="D222" s="7" t="s">
        <v>621</v>
      </c>
      <c r="E222" s="7" t="s">
        <v>246</v>
      </c>
      <c r="F222" s="7" t="s">
        <v>622</v>
      </c>
      <c r="G222" s="7">
        <v>3</v>
      </c>
      <c r="H222" s="7" t="s">
        <v>238</v>
      </c>
      <c r="I222" s="7">
        <v>2010</v>
      </c>
      <c r="J222" s="7" t="s">
        <v>63</v>
      </c>
      <c r="K222" s="7"/>
      <c r="L222" s="7" t="s">
        <v>623</v>
      </c>
    </row>
    <row r="223" spans="1:12" ht="15.2" customHeight="1">
      <c r="A223" s="7" t="s">
        <v>602</v>
      </c>
      <c r="B223" s="7" t="s">
        <v>141</v>
      </c>
      <c r="C223" s="7" t="s">
        <v>624</v>
      </c>
      <c r="D223" s="7" t="s">
        <v>625</v>
      </c>
      <c r="E223" s="7" t="s">
        <v>246</v>
      </c>
      <c r="F223" s="7" t="s">
        <v>626</v>
      </c>
      <c r="G223" s="7">
        <v>4</v>
      </c>
      <c r="H223" s="7" t="s">
        <v>96</v>
      </c>
      <c r="I223" s="7">
        <v>2010</v>
      </c>
      <c r="J223" s="7" t="s">
        <v>63</v>
      </c>
      <c r="K223" s="7"/>
      <c r="L223" s="7" t="s">
        <v>627</v>
      </c>
    </row>
    <row r="224" spans="1:12" ht="15.2" customHeight="1">
      <c r="A224" s="7" t="s">
        <v>602</v>
      </c>
      <c r="B224" s="7" t="s">
        <v>147</v>
      </c>
      <c r="C224" s="7" t="s">
        <v>628</v>
      </c>
      <c r="D224" s="7" t="s">
        <v>629</v>
      </c>
      <c r="E224" s="7" t="s">
        <v>262</v>
      </c>
      <c r="F224" s="7" t="s">
        <v>630</v>
      </c>
      <c r="G224" s="7">
        <v>1</v>
      </c>
      <c r="H224" s="7" t="s">
        <v>264</v>
      </c>
      <c r="I224" s="7">
        <v>2017</v>
      </c>
      <c r="J224" s="7" t="s">
        <v>19</v>
      </c>
      <c r="K224" s="7"/>
      <c r="L224" s="7" t="s">
        <v>631</v>
      </c>
    </row>
    <row r="225" ht="0" hidden="1" customHeight="1"/>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El Omari, Yasmine</cp:lastModifiedBy>
  <dcterms:modified xsi:type="dcterms:W3CDTF">2021-01-21T16:45:17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